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4. Juraj\08 - 2020 - 064. (Príprava) Echokardiografický prístroj - ANGIO\04. Príprava 2\03. PTK\01. Odoslanie PTK\"/>
    </mc:Choice>
  </mc:AlternateContent>
  <bookViews>
    <workbookView xWindow="0" yWindow="0" windowWidth="23040" windowHeight="9195"/>
  </bookViews>
  <sheets>
    <sheet name="Cenová ponuka" sheetId="8" r:id="rId1"/>
  </sheets>
  <definedNames>
    <definedName name="_xlnm.Print_Area" localSheetId="0">'Cenová ponuka'!$B$1:$F$23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04" uniqueCount="312">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Položka č. 2</t>
  </si>
  <si>
    <t>tovar, služba</t>
  </si>
  <si>
    <t xml:space="preserve">7.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Echokardiografický prístroj s príslušenstvom</t>
  </si>
  <si>
    <t>33112340-3   Echokardiografy</t>
  </si>
  <si>
    <t>51410000-9   Inštalácia lekárskych zariadení</t>
  </si>
  <si>
    <t>50421000-2   Opravy a údržba lekárskych zariadení</t>
  </si>
  <si>
    <t>33141641-5   Sondy</t>
  </si>
  <si>
    <t>Prémiový ultrazvuk najvyššej rady schopný najkvalitnejšieho zobrazenia primárne cievnych štruktúr a zároveň aj srdca v zostave samotný USG prístroj s príslušenstvom 3 sónd.</t>
  </si>
  <si>
    <t>Položka č. 3</t>
  </si>
  <si>
    <t>Položka č. 4</t>
  </si>
  <si>
    <t xml:space="preserve">Konvexná širokopásmová sonda </t>
  </si>
  <si>
    <t xml:space="preserve">Lineárna ultra širokopásmová sonda </t>
  </si>
  <si>
    <t>Sektorová matrixová sonda</t>
  </si>
  <si>
    <t>Echokardiografický prístroj</t>
  </si>
  <si>
    <t>Položka č. 1 - Echokardiografický prístroj</t>
  </si>
  <si>
    <t xml:space="preserve">Položka č. 2 - Konvexná širokopásmová sonda </t>
  </si>
  <si>
    <t>2.1</t>
  </si>
  <si>
    <t>2.2</t>
  </si>
  <si>
    <t>7.</t>
  </si>
  <si>
    <t>12.</t>
  </si>
  <si>
    <t>13.</t>
  </si>
  <si>
    <t>15.</t>
  </si>
  <si>
    <t>16.</t>
  </si>
  <si>
    <t>17.</t>
  </si>
  <si>
    <t>17.1</t>
  </si>
  <si>
    <t>17.2</t>
  </si>
  <si>
    <t>18.</t>
  </si>
  <si>
    <t>19.</t>
  </si>
  <si>
    <t>20.</t>
  </si>
  <si>
    <t>21.</t>
  </si>
  <si>
    <t>22.</t>
  </si>
  <si>
    <t>23.</t>
  </si>
  <si>
    <t>Sonda musí byť kompatibilná s Položkou č.1</t>
  </si>
  <si>
    <t>Frekvenčný rozsah sondy: 1 - 5 MHz</t>
  </si>
  <si>
    <t>Zobrazovanie 2D.</t>
  </si>
  <si>
    <t>Pulzný Doppler.</t>
  </si>
  <si>
    <t>Color Doppler.</t>
  </si>
  <si>
    <t>High-PRF.</t>
  </si>
  <si>
    <t>Color Power Angio.</t>
  </si>
  <si>
    <t>Kontrastné zobrazenie.</t>
  </si>
  <si>
    <t>Multivariačné harmonické zobrazenie.</t>
  </si>
  <si>
    <t>Musí byť určená na brušné vaskulárne a intervenčné vyšetrenia dospelých aj detí.</t>
  </si>
  <si>
    <t>Zorné pole musí mať FOV 111 stupňov.</t>
  </si>
  <si>
    <t>Počet elementov 160.</t>
  </si>
  <si>
    <t>Monokryštalická.</t>
  </si>
  <si>
    <t>Musí byť schopná navigácie pri punkciach.</t>
  </si>
  <si>
    <t xml:space="preserve">Položka č. 3 - Lineárna ultra širokopásmová sonda </t>
  </si>
  <si>
    <t>Položka č. 4 - Sektorová matrixová sonda</t>
  </si>
  <si>
    <t>Frekvenčný rozsah sondy 1 - 5 Mhz.</t>
  </si>
  <si>
    <t>Počet elementov 3040.</t>
  </si>
  <si>
    <t>CW Doppler.</t>
  </si>
  <si>
    <t>PW Doppler.</t>
  </si>
  <si>
    <t>High-PRF Doppler.</t>
  </si>
  <si>
    <t>Color Flow.</t>
  </si>
  <si>
    <t>Tissue Doppler.</t>
  </si>
  <si>
    <t>Harmonické zobrazenie vrátane LVO.</t>
  </si>
  <si>
    <t>Musí mať 2D elektronickú rotáciu obrazu.</t>
  </si>
  <si>
    <t>Rotácia 0 – 360 stupňov.</t>
  </si>
  <si>
    <t>Live 3D zobrazenie</t>
  </si>
  <si>
    <t>3D Color.</t>
  </si>
  <si>
    <t>Uhlopriečka obrazovky monitora:   min. 21"</t>
  </si>
  <si>
    <t>Dynamický rozsah:  min. 230 dB</t>
  </si>
  <si>
    <t>Snímková frekvencia na 2D:   min. 950 Hz</t>
  </si>
  <si>
    <t>Maximálna zobrazovacia hĺbka:   min. 300 mm</t>
  </si>
  <si>
    <t>Veľkosť vzorky merania rýchlosti toku:   min. 2 až 15 mm</t>
  </si>
  <si>
    <t>Nastaviteľný pult obsluhy výškovo.</t>
  </si>
  <si>
    <t>Interný HDD s kapacitou:  min. 200 GB</t>
  </si>
  <si>
    <t>Ovládanie pomocou trackballu.</t>
  </si>
  <si>
    <t>USB porty:   min. 2</t>
  </si>
  <si>
    <t>Ethernetový konektor.</t>
  </si>
  <si>
    <t>HDMI alebo VGA alebo DVI výstup.</t>
  </si>
  <si>
    <t>Počet portov pre zapojenie sond:   min. 3</t>
  </si>
  <si>
    <t>Súčasťou prístroja je čiernobiela termotlačiareň.</t>
  </si>
  <si>
    <t>Frekvenčný rozsah:   min. 2 až 15 MHz</t>
  </si>
  <si>
    <t>Pracovné režimy</t>
  </si>
  <si>
    <t>xxx</t>
  </si>
  <si>
    <t>15.1</t>
  </si>
  <si>
    <t>15.2</t>
  </si>
  <si>
    <t>15.3</t>
  </si>
  <si>
    <t>15.4</t>
  </si>
  <si>
    <t>15.5</t>
  </si>
  <si>
    <t>15.6</t>
  </si>
  <si>
    <t>15.7</t>
  </si>
  <si>
    <t>15.8</t>
  </si>
  <si>
    <t>15.9</t>
  </si>
  <si>
    <t>15.10</t>
  </si>
  <si>
    <t>15.11</t>
  </si>
  <si>
    <t>15.12</t>
  </si>
  <si>
    <t>15.13</t>
  </si>
  <si>
    <t>15.14</t>
  </si>
  <si>
    <t>15.15</t>
  </si>
  <si>
    <t>Technológia na potlačenie šumu.</t>
  </si>
  <si>
    <t>B-mód s možnosťou automatickej optimalizácie 2D obrazu.</t>
  </si>
  <si>
    <t>M-mód.</t>
  </si>
  <si>
    <t>Anatomický M-mód.</t>
  </si>
  <si>
    <t>Farebné mapovanie prietokov s pulznou opakovacou frekvenciou.</t>
  </si>
  <si>
    <t>Energetický doppler s rozlíšením smeru toku.</t>
  </si>
  <si>
    <t>Spektrálny PW doppler s možnosťou automatickej optimalizácie PW krivky.</t>
  </si>
  <si>
    <t>CW doppler.</t>
  </si>
  <si>
    <t>Pulzný tkanivový doppler (TDI).</t>
  </si>
  <si>
    <t>Harmonické zobrazenie.</t>
  </si>
  <si>
    <t>Zoom na živom i na zmrazenom obraze a HD zoom.</t>
  </si>
  <si>
    <t>Dual Live zobrazovací mód.</t>
  </si>
  <si>
    <t>Simultánne módy zobrazenia.</t>
  </si>
  <si>
    <t>Zosilňovanie slabnúceho signálu v čase (TGC).</t>
  </si>
  <si>
    <t>Trapezoidný mód ako štandard pri lineárnych sondách.</t>
  </si>
  <si>
    <t>Meranie, software a vyhodnocovanie</t>
  </si>
  <si>
    <t>16.1</t>
  </si>
  <si>
    <t>16.2</t>
  </si>
  <si>
    <t>16.3</t>
  </si>
  <si>
    <t>16.4</t>
  </si>
  <si>
    <t>16.5</t>
  </si>
  <si>
    <t>16.6</t>
  </si>
  <si>
    <t>16.7</t>
  </si>
  <si>
    <t>16.8</t>
  </si>
  <si>
    <t>16.9</t>
  </si>
  <si>
    <t>16.10</t>
  </si>
  <si>
    <t>16.11</t>
  </si>
  <si>
    <t>16.12</t>
  </si>
  <si>
    <t>16.13</t>
  </si>
  <si>
    <t>16.14</t>
  </si>
  <si>
    <t>16.15</t>
  </si>
  <si>
    <t>16.16</t>
  </si>
  <si>
    <t>16.17</t>
  </si>
  <si>
    <t>16.18</t>
  </si>
  <si>
    <t>Softvér pre meranie dĺžok, plôch, objemov a rýchlostí, Simpson, PISA.</t>
  </si>
  <si>
    <t>Softvér pre dvojrozmerný tkanivový doppler 2D strain.</t>
  </si>
  <si>
    <t>Stress echo.</t>
  </si>
  <si>
    <t>Softvér pre automat. výpočet ejekčnej frakcie založený na 2D.</t>
  </si>
  <si>
    <t>Databáza s vyhľadávaním podľa referenčných dát.</t>
  </si>
  <si>
    <t>Záznamy umožňujú dodatočnú zmenu zosilnenia, zoomu, korekčného uhla, kvantitatívnu analýzu pri dopplerovskom zobrazení.</t>
  </si>
  <si>
    <t>Export obrázkov a slučiek vo formáte *.jpg alebo*jpeg alebo *bmp a *.avi.</t>
  </si>
  <si>
    <t>Programovateľné kalkulácie.</t>
  </si>
  <si>
    <t>Užívateľsky jednoducho vytvárateľné a modifikovateľné prednastavenia (presety).</t>
  </si>
  <si>
    <t>Komunikácia s nemocničným PACS prostredníctvom zasielania dát vo formáte 3.0 DICOM.</t>
  </si>
  <si>
    <t>Rozšírenie o kardio strain - založené na speckle trackingu.</t>
  </si>
  <si>
    <t>Technológia umožňujúca 2D TEE kardio vyšetrenie.</t>
  </si>
  <si>
    <t>Technológia umožňujúca 3D / 4D  TEE  kardio vyšetrenie.</t>
  </si>
  <si>
    <t>Technológia umožňujúca dosahovať rovnomerne fokusovaný obraz bez potreby meniť ostriaci bod.</t>
  </si>
  <si>
    <t>Kvantifikačné programy pre analýzu objemových dát srdca.</t>
  </si>
  <si>
    <t>Softvér pre automat. meranie karotickej intimy a médie (IMT).</t>
  </si>
  <si>
    <t>EKG modul.</t>
  </si>
  <si>
    <t>Technológia umožňujúca 3D / 4D  TTE kardio vyšetrenie.</t>
  </si>
  <si>
    <t>Požaduje sa uzatvorenie kúpnej zmluvy.</t>
  </si>
  <si>
    <t>Požaduje sa jednorázové dodanie nového, nepoužívaného a nerepasovaného prístroja:</t>
  </si>
  <si>
    <t>v pracovných dňoch,</t>
  </si>
  <si>
    <t>v čase od 08:00 hod. do 14:30 hod.,</t>
  </si>
  <si>
    <t>2.3</t>
  </si>
  <si>
    <t>2.4</t>
  </si>
  <si>
    <t>2.5</t>
  </si>
  <si>
    <t>2.6</t>
  </si>
  <si>
    <t>do sídla kupujúceho na vlastné náklady tak, aby bola zabezpečená dostatočná ochrana pred poškodením, pričom konkrétne miesto dodania - pracovisko objednávateľa a zodpovedná osoba objednávateľa budú dodávateľovi písomne upresnené po uzavretí zmluvného vzťahu,</t>
  </si>
  <si>
    <t>po predchádzajúcom preukázateľnom upovedomení objednávateľa min. 5 pracovných dní vopred tak, aby objednávateľ mohol poskynúť potrebnú súčinnosť pri dodaní,</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2.7</t>
  </si>
  <si>
    <t>Súčasťou dodania zariadenia a/alebo služieb je povinnosť dodávateľa odovzdať objednávateľovi aj:
- zoznam a kontaktné údaje servisných stredísk dodávateľa pre potreby plnenia zmluvy,
- kontaktné údaje na Klientske pracovisko dodávateľa - tzv. "Hotline", "Helpdesk", "Call centrum..." pre potreby plnenia zmluvy.</t>
  </si>
  <si>
    <t>Objednávateľ zabezpečí za účelom prevzatia zariadenia prístup pre osoby poverené dodávateľom na čas nevyhnutný na vyloženie, kompletizáciu a inštaláciu zariadenia.</t>
  </si>
  <si>
    <t>Prevzatie dodaného zariadenia je objednávateľ povinný dodávateľovi písomne potvrdiť na dodacom liste alebo preberacom protokole. Jedna kópia dodacieho listu alebo preberacieho protokolu ostáva objednávateľovi. V prípade uplatnenia oprávnenej výhrady objednávateľom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t>
  </si>
  <si>
    <t>5.1</t>
  </si>
  <si>
    <t>5.2</t>
  </si>
  <si>
    <t>5.3</t>
  </si>
  <si>
    <t>5.4</t>
  </si>
  <si>
    <t>5.5</t>
  </si>
  <si>
    <t>Súčasťou záväzku dodávateľa podľa bodu 2. je zároveň poskytnutie písomných dokladov potrebných pre riadne a bezchybné použitie zariadenia na stanovený účel, a to najmä, no nie len:</t>
  </si>
  <si>
    <t>návod na použitie zariadenia v slovenskom jazyku (resp. v českom jazyku),</t>
  </si>
  <si>
    <t>záručný list,</t>
  </si>
  <si>
    <t>preberací (akceptačný) protokol,</t>
  </si>
  <si>
    <t>inštalačný protokol,</t>
  </si>
  <si>
    <t>protokol o zaškolení zamestnancov objednávateľa s obsluhou prístroja.</t>
  </si>
  <si>
    <t>Dodávateľ je povinný vystaviť faktúru za dodávku tovaru v súlade s ustanovením §73 zákona č. 222/2004 Z. z. o dani z pridanej hodnoty, najneskôr však do piateho (5) pracovného dňa v mesiaci, nasledujúceho po mesiaci, v ktorom došlo k dodaniu tovaru podľa uzatvorenej zmluvy. 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kceptovať, že platba za plnenie sa realizuje výlučne bezhotovostným platobným stykom na základe faktúry doručenej dodávateľom, a to vždy za riadne a včas poskytnuté plnenie. Objednávateľ je povinný zaslať faktúru elektronicky na emailovú adresu, ktorá mu bude oznámená v Oznámení o výsledku vyhodnotenia splnenia požiadaviek na predmet zákazky podľa bodu 2. časti C. tejto zmluvy. Za deň splnenia peňažného záväzku sa považuje deň odpísania dlžnej sumy z účtu kupujúceho v prospech účtu predávajúceho.</t>
  </si>
  <si>
    <t>Požaduje sa v zmysle § 340b ods. 5 zákona č. 513/1991 Z.z. Obchodného zákonníka v znení neskorších predpisov splatnosť faktúry v lehote 60 dní odo dňa jej doručenia kupujúcemu.</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dodávateľom po elektronickej aukcii stane:
- dodávateľ,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dodávateľ, ktorý verejnému obstar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t>
  </si>
  <si>
    <t>10.1</t>
  </si>
  <si>
    <t>10.2</t>
  </si>
  <si>
    <t>uzná navýšenie konečnej jednotkovej ceny za MJ bez DPH príslušnej položky predmetu zákazky, zašle dodávateľovi oznámenie, v ktorom potvrdí oprávnenie ním ponúknutej ceny.</t>
  </si>
  <si>
    <t>neuzná navýšenie konečnej jednotkovej ceny za MJ bez DPH príslušnej položky predmetu zákazky, vyhradzuje si právo odstúpiť od tejto zmluvy.</t>
  </si>
  <si>
    <t>Dodávateľ poskytuje na predmet zákazky a všetky jeho súčasti (ďalej len "zariadenie") komplexnú záruku v trvaní uvedenom v Prílohe č. 2 - "Kalkulácia ceny", minimálne však v trvaní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t>
  </si>
  <si>
    <t>Komplexná záruka predstavuje súbor opatrení, ktoré bude v rámci ceny zariadenie vykonávať dodávateľ autorizovaným servisom po dobu trvania záručnej doby na zariadení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12.1</t>
  </si>
  <si>
    <t>dodávka a výmena všetkých potrebných náhradných dielov a súčiastok v prípade ich poruchy, ktoré sami o sebe majú kratšiu dobu životnosti, alebo kratšiu záručnú dobu, ako je záručná doba poskytovaná dodávateľom,</t>
  </si>
  <si>
    <t>v prípadoch, ak je to relevantné, 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t>
  </si>
  <si>
    <t>12.2</t>
  </si>
  <si>
    <t>12.3</t>
  </si>
  <si>
    <t>dodávky a zabudovanie náhradných dielov, ktoré sú potrebné k riadnej a bezporuchovej prevádzke zariadenia, vrátane demontáže, odvozu a likvidácie použitého a nepotrebného spotrebného materiálu, náplní a náhradných dielov,</t>
  </si>
  <si>
    <t>12.4</t>
  </si>
  <si>
    <t>12.5</t>
  </si>
  <si>
    <t>12.6</t>
  </si>
  <si>
    <t>12.7</t>
  </si>
  <si>
    <t>v prípadoch ak je to relevantné, vykonanie validácií a kalibrácií zariadenia (resp. jeho relevantných častí) s perio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8. tejto časti.</t>
  </si>
  <si>
    <t>vykonanie ďalších servisných úkonov a činností predpísaných príslušnou právnou úpravou a aplikovateľnými normami,</t>
  </si>
  <si>
    <t>práce (servisné hodiny) a dojazdy servisných technikov dodávateľa z 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technická telefonická podpora a zároveň poradenstvo pri prevádzkovaní zariadenia prostredníctvom klientského pracoviska dodávateľa v pracovných dňoch od 07:30 hod. do 15:30 hod., pričom dodávateľ musí garantovať funkčnosť a prevádzku tohto
klientskeho pracoviska.</t>
  </si>
  <si>
    <t>12.8</t>
  </si>
  <si>
    <t>12.9</t>
  </si>
  <si>
    <t>12.10</t>
  </si>
  <si>
    <t>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a a jeho
evidencia, vrátane mena oznamovateľa, telefónneho čísla pre potvrdenie a stručného opisu vady.</t>
  </si>
  <si>
    <t>V prípade použitia email.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 správy na email. adresu dodávateľa uvedenú v Prílohe č. 1 - "Špecifikácia predmetu zákazky" (Oprávnená kontaktná osoba pre účel plnenia zmluvy).</t>
  </si>
  <si>
    <t>Servisný technik dodávateľa je povinný nastúpiť na odstránenie vady v mieste inštalácie zariadenia do 24 hodín od nahlásenia v pracovný deň medzi 7:00 a 16:00 hod., resp. do 12:00 hod. nasledujúceho pracovného dňa, pokiaľ vada bola nahlásená po 16:00 hod. pracovného dňa alebo počas mimopracovného dňa.</t>
  </si>
  <si>
    <t>V prípade, ak to povaha zariadenia umožňuje, dodávateľ je povinný zabezpečiť odstránenie vady / poruchy pomocou vzdialeného prístupu. Dodávateľ je oprávnený začať odstraňovať vadu formou vzdialeného prístupu v lehote najneskôr do 12 hodín od nahlásenia v pracovný deň medzi 7:00 a 16:00 hod., resp. do 12:00 hod. nasledujúceho pracovného dňa, pokiaľ vada bola nahlásená po 16:00 hod. pracovného dňa alebo počas mimopracovného dňa.</t>
  </si>
  <si>
    <t>Dodávateľ je povinný počas trvania záručnej doby odstrániť vady v nasledujúcich lehotách od nástupu na opravu:</t>
  </si>
  <si>
    <t>oprava vady s dodávkou náhradného dielu najneskôr do 72 hodín, resp. v závažných prípadoch v termíne po dohode s dodávateľom.</t>
  </si>
  <si>
    <t>oprava vady, pri ktorej nie je potrebná dodávka náhradného dielu najneskôr do 48 hodín,</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nedodržanie lehoty príchodu servisného technika alebo nezačatie odstraňovania vady formou vzdialeného prístupu: 100 eur za každú začatú hodinu omeškania, najviac však do výšky 10 % kúpnej ceny prístroja a to pre každý jednotlivý prípad omeškania dodávateľa, </t>
  </si>
  <si>
    <t>nedodržanie lehoty na odstránenie vady: 100 eur za každú začatú hodinu omeškania, najviac však do výšky 10 % kúpnej ceny prístroja a to pre každý jednotlivý prípad omeškania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1.1</t>
  </si>
  <si>
    <t>V prípade, ak sa po uzatvorení zmluvy preukáže, že na relevantnom trhu (trhu krajín EÚ)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 v neprospech ceny podľa zmluvy, zaväzuje sa dodávateľ poskytnúť objednávateľovi pre takéto plnenie objednané po preukázaní tejto skutočnosti dodatočnú zľavu vo výške rozdielu medzi ním poskytovanou cenou podľa tejto zmluvy a nižšou cenou.</t>
  </si>
  <si>
    <t>V prípade, že dodávateľ zľavu podľa predchádzajúceho bodu neposkytne do šesťdesiatich (60)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tejto zmluvy a nižšou cenou.</t>
  </si>
  <si>
    <t>Požaduje sa, aby dodávateľ v čase predloženia ponuky a zároveň počas trvania zmluvy bol oprávnený na poskytnutie plnenia predmetu zákazky.</t>
  </si>
  <si>
    <t>Zmluvné strany sa dohodli, že pohľadávky, ktoré vzniknú dodávateľovi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t>
  </si>
  <si>
    <t>2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Osobné údaje dotknutých osôb, ktoré sú súčasťou tohto zmluvného vzťahu sú spracúvané objednávateľom na vopred vymedzený účel v súlade s Nariadením Európskeho parlamentu a Rady (EÚ) 2016/679 o ochrane fyzických osôb pri spracúvaní osobných údajov a o voľnom pohybe takýchto údajov a zákona NR SRč. 18/2018 Z. z. o ochrane osobných údajov a o zmene a doplnení niektorých zákonov. Bližšie informácie sú uvedené na webovom sídle objednávateľa.</t>
  </si>
  <si>
    <t>25.</t>
  </si>
  <si>
    <t>v lehote uvedenej v Prílohe č. 2 - "Kalkulácia ceny" maximálne však do ___ pracovných dní od doručenia od doručenia Oznámenie o výsledku vyhodnotenia splnenia požiadaviek na predmet zákazky (ďalej len "Oznámenie"),</t>
  </si>
  <si>
    <t>Ak počas trvania záručnej doby, dôjde k vade, ktorá nespadá pod záručný servis, dodávateľ poskytne objednávateľovi telefonické poradenstvo,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inštalácie zariadenia, pričom servisný zásah je do jednej hodiny od nastúpenia na odstránenie problému poskytovaný bezplatne vrátane dopravy do/z miesta inštalácie zariadenia.
V prípade, ak servisný zásah trvá dlhšie ako jednu hodinu od nástupu a súčasne sa nejedná o vadu spadajúcu pod záručný servis, je dodávateľ oprávnený si účtovať cenu servisnej hodiny uvedenú v Prílohe č. 2 - "Kalkulácia ceny" za každú ďalšiu hodinu trvania servisného zásahu vrátane do/z miesta inštalácie zariadenia, maximálne však ___ EUR bez DPH za každú ďalšiu hodinu.</t>
  </si>
  <si>
    <t>Technológia skladania obrazu z viacerých línií.</t>
  </si>
  <si>
    <t>Technológia na redukciu ultrazvukových artefaktov.</t>
  </si>
  <si>
    <t>Frekvenčný rozsah: 3 - 14 MHz.</t>
  </si>
  <si>
    <t>Zobrazenie 3D a 3D panorámu</t>
  </si>
  <si>
    <t>pulzný Doppler</t>
  </si>
  <si>
    <t>Color Power Angio a 3D prezentáciu v čase (4D)</t>
  </si>
  <si>
    <t>Micro flow Imaging.</t>
  </si>
  <si>
    <t>Panoramatické zobrazenie.</t>
  </si>
  <si>
    <t>Sonda musí byť schopná vaskulárnych vyšetrení aj u detí.</t>
  </si>
  <si>
    <t xml:space="preserve">Musí podporovať: </t>
  </si>
  <si>
    <t>14.1</t>
  </si>
  <si>
    <t>ultrazvukom navádzané vyšetrenia.</t>
  </si>
  <si>
    <t>14.2</t>
  </si>
  <si>
    <t>biopsie kompatibilné s CIVCO navádzacím systémom.</t>
  </si>
  <si>
    <t>Počet elementov: minimálne 55000</t>
  </si>
  <si>
    <t>Elektronická rotácia rovín obrazu o 180 stupňov.</t>
  </si>
  <si>
    <t>Zobrazovanie 2D a 3D.</t>
  </si>
  <si>
    <t>Technológia umožňujúca vysokú kvalitu zobrazovania v hĺbke ako aj harmonické zobrazovanie.</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2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2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49" fontId="4" fillId="0" borderId="2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11" xfId="0" applyNumberFormat="1" applyFont="1" applyBorder="1" applyAlignment="1">
      <alignment horizontal="center" vertical="center"/>
    </xf>
    <xf numFmtId="16" fontId="5" fillId="0" borderId="0" xfId="0" applyNumberFormat="1" applyFont="1" applyFill="1" applyAlignment="1">
      <alignment horizontal="left" vertical="top" wrapText="1"/>
    </xf>
    <xf numFmtId="49" fontId="2" fillId="0" borderId="8" xfId="0" applyNumberFormat="1" applyFont="1" applyBorder="1" applyAlignment="1">
      <alignment horizontal="left" vertical="center"/>
    </xf>
    <xf numFmtId="49" fontId="2" fillId="0" borderId="11" xfId="0" applyNumberFormat="1" applyFont="1" applyBorder="1" applyAlignment="1">
      <alignment horizontal="left" vertical="center"/>
    </xf>
    <xf numFmtId="49" fontId="2" fillId="0" borderId="8"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49" fontId="2" fillId="0" borderId="25" xfId="0" applyNumberFormat="1" applyFont="1" applyBorder="1" applyAlignment="1">
      <alignment horizontal="left" vertical="center"/>
    </xf>
    <xf numFmtId="49" fontId="4" fillId="0" borderId="9" xfId="0" applyNumberFormat="1" applyFont="1" applyFill="1" applyBorder="1" applyAlignment="1">
      <alignment horizontal="left" vertical="center" wrapText="1"/>
    </xf>
    <xf numFmtId="0" fontId="2" fillId="0" borderId="9" xfId="0" applyNumberFormat="1" applyFont="1" applyBorder="1" applyAlignment="1">
      <alignment horizontal="left" vertical="center" wrapText="1"/>
    </xf>
    <xf numFmtId="0" fontId="2" fillId="0" borderId="10" xfId="0" applyNumberFormat="1" applyFont="1" applyBorder="1" applyAlignment="1">
      <alignment horizontal="left" vertical="center" wrapText="1"/>
    </xf>
    <xf numFmtId="49" fontId="2" fillId="0" borderId="25" xfId="0" applyNumberFormat="1" applyFont="1" applyBorder="1" applyAlignment="1">
      <alignment horizontal="center" vertical="center"/>
    </xf>
    <xf numFmtId="49" fontId="4" fillId="0" borderId="21"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4" fillId="0" borderId="0" xfId="0" applyNumberFormat="1" applyFont="1" applyFill="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cellXfs>
  <cellStyles count="6">
    <cellStyle name="Normálna 2" xfId="2"/>
    <cellStyle name="Normálne" xfId="0" builtinId="0"/>
    <cellStyle name="Normálne 2" xfId="3"/>
    <cellStyle name="normálne 2 2" xfId="1"/>
    <cellStyle name="normálne 2 2 2" xfId="4"/>
    <cellStyle name="Normálne 4" xfId="5"/>
  </cellStyles>
  <dxfs count="3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251"/>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10" t="s">
        <v>50</v>
      </c>
      <c r="C1" s="110"/>
      <c r="D1" s="110"/>
      <c r="E1" s="110"/>
      <c r="F1" s="110"/>
    </row>
    <row r="2" spans="2:6" ht="27.75" customHeight="1" x14ac:dyDescent="0.2">
      <c r="B2" s="109" t="s">
        <v>47</v>
      </c>
      <c r="C2" s="109"/>
      <c r="D2" s="109"/>
      <c r="E2" s="109"/>
      <c r="F2" s="109"/>
    </row>
    <row r="3" spans="2:6" ht="54.75" customHeight="1" x14ac:dyDescent="0.2">
      <c r="B3" s="91" t="s">
        <v>54</v>
      </c>
      <c r="C3" s="91"/>
      <c r="D3" s="91"/>
      <c r="E3" s="91"/>
      <c r="F3" s="91"/>
    </row>
    <row r="4" spans="2:6" ht="24.95" customHeight="1" x14ac:dyDescent="0.2">
      <c r="B4" s="42" t="s">
        <v>53</v>
      </c>
      <c r="C4" s="43"/>
      <c r="D4" s="39"/>
      <c r="E4" s="39"/>
      <c r="F4" s="39"/>
    </row>
    <row r="5" spans="2:6" ht="24.95" customHeight="1" x14ac:dyDescent="0.2">
      <c r="B5" s="42" t="s">
        <v>51</v>
      </c>
      <c r="C5" s="44"/>
      <c r="D5" s="39"/>
      <c r="E5" s="39"/>
      <c r="F5" s="39"/>
    </row>
    <row r="6" spans="2:6" ht="5.0999999999999996" customHeight="1" x14ac:dyDescent="0.2">
      <c r="B6" s="39"/>
      <c r="C6" s="39"/>
      <c r="D6" s="39"/>
      <c r="E6" s="39"/>
      <c r="F6" s="39"/>
    </row>
    <row r="7" spans="2:6" s="2" customFormat="1" ht="20.100000000000001" customHeight="1" x14ac:dyDescent="0.25">
      <c r="B7" s="92" t="s">
        <v>5</v>
      </c>
      <c r="C7" s="92"/>
      <c r="D7" s="92"/>
      <c r="E7" s="92"/>
      <c r="F7" s="92"/>
    </row>
    <row r="8" spans="2:6" s="2" customFormat="1" ht="20.100000000000001" customHeight="1" x14ac:dyDescent="0.25">
      <c r="B8" s="93" t="s">
        <v>9</v>
      </c>
      <c r="C8" s="93"/>
      <c r="D8" s="93"/>
      <c r="E8" s="93"/>
      <c r="F8" s="93"/>
    </row>
    <row r="9" spans="2:6" ht="24.95" customHeight="1" x14ac:dyDescent="0.2">
      <c r="B9" s="94" t="s">
        <v>73</v>
      </c>
      <c r="C9" s="94"/>
      <c r="D9" s="94"/>
      <c r="E9" s="94"/>
      <c r="F9" s="94"/>
    </row>
    <row r="10" spans="2:6" ht="4.5" customHeight="1" x14ac:dyDescent="0.2">
      <c r="B10" s="41"/>
      <c r="C10" s="41"/>
      <c r="D10" s="41"/>
      <c r="E10" s="41"/>
      <c r="F10" s="41"/>
    </row>
    <row r="11" spans="2:6" s="2" customFormat="1" ht="20.100000000000001" customHeight="1" x14ac:dyDescent="0.25">
      <c r="B11" s="95" t="s">
        <v>10</v>
      </c>
      <c r="C11" s="95"/>
      <c r="D11" s="95"/>
      <c r="E11" s="95"/>
      <c r="F11" s="95"/>
    </row>
    <row r="12" spans="2:6" s="2" customFormat="1" ht="20.100000000000001" customHeight="1" x14ac:dyDescent="0.25">
      <c r="B12" s="85" t="s">
        <v>74</v>
      </c>
      <c r="C12" s="85"/>
      <c r="D12" s="85"/>
      <c r="E12" s="47"/>
      <c r="F12" s="47"/>
    </row>
    <row r="13" spans="2:6" s="2" customFormat="1" ht="20.100000000000001" customHeight="1" x14ac:dyDescent="0.25">
      <c r="B13" s="85" t="s">
        <v>77</v>
      </c>
      <c r="C13" s="85"/>
      <c r="D13" s="85"/>
      <c r="E13" s="65"/>
      <c r="F13" s="65"/>
    </row>
    <row r="14" spans="2:6" s="2" customFormat="1" ht="20.100000000000001" customHeight="1" x14ac:dyDescent="0.25">
      <c r="B14" s="85" t="s">
        <v>75</v>
      </c>
      <c r="C14" s="85"/>
      <c r="D14" s="85"/>
      <c r="E14" s="52"/>
      <c r="F14" s="52"/>
    </row>
    <row r="15" spans="2:6" s="2" customFormat="1" ht="20.100000000000001" customHeight="1" x14ac:dyDescent="0.25">
      <c r="B15" s="85" t="s">
        <v>76</v>
      </c>
      <c r="C15" s="85"/>
      <c r="D15" s="85"/>
      <c r="E15" s="56"/>
      <c r="F15" s="56"/>
    </row>
    <row r="16" spans="2:6" s="3" customFormat="1" ht="20.100000000000001" customHeight="1" x14ac:dyDescent="0.25">
      <c r="B16" s="85" t="s">
        <v>27</v>
      </c>
      <c r="C16" s="85"/>
      <c r="D16" s="85"/>
      <c r="E16" s="19"/>
      <c r="F16" s="20"/>
    </row>
    <row r="17" spans="2:6" ht="4.5" customHeight="1" x14ac:dyDescent="0.2">
      <c r="B17" s="48"/>
      <c r="C17" s="48"/>
      <c r="D17" s="48"/>
      <c r="E17" s="41"/>
      <c r="F17" s="41"/>
    </row>
    <row r="18" spans="2:6" ht="20.100000000000001" customHeight="1" x14ac:dyDescent="0.2">
      <c r="B18" s="40" t="s">
        <v>11</v>
      </c>
      <c r="C18" s="21"/>
      <c r="D18" s="21"/>
      <c r="E18" s="22"/>
      <c r="F18" s="22"/>
    </row>
    <row r="19" spans="2:6" s="3" customFormat="1" ht="24.95" customHeight="1" x14ac:dyDescent="0.25">
      <c r="B19" s="120" t="s">
        <v>70</v>
      </c>
      <c r="C19" s="120"/>
      <c r="D19" s="120"/>
      <c r="E19" s="19"/>
      <c r="F19" s="20"/>
    </row>
    <row r="20" spans="2:6" ht="5.0999999999999996" customHeight="1" x14ac:dyDescent="0.2">
      <c r="B20" s="121"/>
      <c r="C20" s="121"/>
      <c r="D20" s="121"/>
      <c r="F20" s="15"/>
    </row>
    <row r="21" spans="2:6" s="2" customFormat="1" ht="20.100000000000001" customHeight="1" x14ac:dyDescent="0.25">
      <c r="B21" s="92" t="s">
        <v>24</v>
      </c>
      <c r="C21" s="92"/>
      <c r="D21" s="92"/>
      <c r="E21" s="92"/>
      <c r="F21" s="92"/>
    </row>
    <row r="22" spans="2:6" ht="33.75" customHeight="1" x14ac:dyDescent="0.2">
      <c r="B22" s="122" t="s">
        <v>78</v>
      </c>
      <c r="C22" s="122"/>
      <c r="D22" s="122"/>
      <c r="E22" s="122"/>
      <c r="F22" s="122"/>
    </row>
    <row r="23" spans="2:6" ht="5.0999999999999996" customHeight="1" x14ac:dyDescent="0.2">
      <c r="B23" s="121"/>
      <c r="C23" s="121"/>
      <c r="D23" s="121"/>
      <c r="F23" s="15"/>
    </row>
    <row r="24" spans="2:6" s="2" customFormat="1" ht="20.100000000000001" customHeight="1" x14ac:dyDescent="0.25">
      <c r="B24" s="92" t="s">
        <v>25</v>
      </c>
      <c r="C24" s="92"/>
      <c r="D24" s="92"/>
      <c r="E24" s="92"/>
      <c r="F24" s="92"/>
    </row>
    <row r="25" spans="2:6" s="9" customFormat="1" ht="20.100000000000001" customHeight="1" x14ac:dyDescent="0.25">
      <c r="B25" s="125" t="s">
        <v>6</v>
      </c>
      <c r="C25" s="125"/>
      <c r="D25" s="125"/>
      <c r="E25" s="125"/>
      <c r="F25" s="125"/>
    </row>
    <row r="26" spans="2:6" s="9" customFormat="1" ht="20.100000000000001" customHeight="1" x14ac:dyDescent="0.25">
      <c r="B26" s="111" t="s">
        <v>18</v>
      </c>
      <c r="C26" s="112"/>
      <c r="D26" s="14"/>
      <c r="E26" s="14"/>
      <c r="F26" s="14"/>
    </row>
    <row r="27" spans="2:6" s="9" customFormat="1" ht="20.100000000000001" customHeight="1" x14ac:dyDescent="0.25">
      <c r="B27" s="13"/>
      <c r="C27" s="13" t="s">
        <v>22</v>
      </c>
      <c r="D27" s="14"/>
      <c r="E27" s="14"/>
      <c r="F27" s="14"/>
    </row>
    <row r="28" spans="2:6" s="9" customFormat="1" ht="20.100000000000001" customHeight="1" x14ac:dyDescent="0.25">
      <c r="B28" s="13"/>
      <c r="C28" s="13" t="s">
        <v>23</v>
      </c>
      <c r="D28" s="14"/>
      <c r="E28" s="14"/>
      <c r="F28" s="14"/>
    </row>
    <row r="29" spans="2:6" s="9" customFormat="1" ht="20.100000000000001" customHeight="1" x14ac:dyDescent="0.25">
      <c r="B29" s="111" t="s">
        <v>19</v>
      </c>
      <c r="C29" s="112"/>
      <c r="D29" s="14"/>
      <c r="E29" s="14"/>
      <c r="F29" s="14"/>
    </row>
    <row r="30" spans="2:6" s="9" customFormat="1" ht="31.5" customHeight="1" x14ac:dyDescent="0.25">
      <c r="B30" s="17" t="s">
        <v>20</v>
      </c>
      <c r="C30" s="126" t="s">
        <v>13</v>
      </c>
      <c r="D30" s="127"/>
      <c r="E30" s="18" t="s">
        <v>12</v>
      </c>
      <c r="F30" s="18" t="s">
        <v>14</v>
      </c>
    </row>
    <row r="31" spans="2:6" s="9" customFormat="1" ht="24.95" customHeight="1" x14ac:dyDescent="0.25">
      <c r="B31" s="49" t="s">
        <v>2</v>
      </c>
      <c r="C31" s="86" t="s">
        <v>84</v>
      </c>
      <c r="D31" s="87"/>
      <c r="E31" s="16" t="s">
        <v>1</v>
      </c>
      <c r="F31" s="50">
        <v>1</v>
      </c>
    </row>
    <row r="32" spans="2:6" s="9" customFormat="1" ht="24.95" customHeight="1" x14ac:dyDescent="0.25">
      <c r="B32" s="49" t="s">
        <v>69</v>
      </c>
      <c r="C32" s="86" t="s">
        <v>81</v>
      </c>
      <c r="D32" s="87"/>
      <c r="E32" s="57" t="s">
        <v>1</v>
      </c>
      <c r="F32" s="50">
        <v>1</v>
      </c>
    </row>
    <row r="33" spans="2:7" s="9" customFormat="1" ht="24.95" customHeight="1" x14ac:dyDescent="0.25">
      <c r="B33" s="49" t="s">
        <v>79</v>
      </c>
      <c r="C33" s="86" t="s">
        <v>82</v>
      </c>
      <c r="D33" s="87"/>
      <c r="E33" s="57" t="s">
        <v>1</v>
      </c>
      <c r="F33" s="50">
        <v>1</v>
      </c>
    </row>
    <row r="34" spans="2:7" s="9" customFormat="1" ht="24.95" customHeight="1" x14ac:dyDescent="0.25">
      <c r="B34" s="49" t="s">
        <v>80</v>
      </c>
      <c r="C34" s="86" t="s">
        <v>83</v>
      </c>
      <c r="D34" s="87"/>
      <c r="E34" s="57" t="s">
        <v>1</v>
      </c>
      <c r="F34" s="50">
        <v>1</v>
      </c>
    </row>
    <row r="35" spans="2:7" s="9" customFormat="1" ht="4.5" customHeight="1" x14ac:dyDescent="0.25">
      <c r="B35" s="14"/>
      <c r="C35" s="14"/>
      <c r="D35" s="14"/>
      <c r="E35" s="14"/>
      <c r="F35" s="14"/>
    </row>
    <row r="36" spans="2:7" s="9" customFormat="1" ht="20.100000000000001" customHeight="1" x14ac:dyDescent="0.25">
      <c r="B36" s="111" t="s">
        <v>21</v>
      </c>
      <c r="C36" s="112"/>
      <c r="D36" s="14"/>
      <c r="E36" s="14"/>
      <c r="F36" s="14"/>
    </row>
    <row r="37" spans="2:7" s="9" customFormat="1" ht="20.100000000000001" customHeight="1" x14ac:dyDescent="0.2">
      <c r="B37" s="10"/>
      <c r="C37" s="9" t="s">
        <v>3</v>
      </c>
      <c r="D37" s="14"/>
      <c r="E37" s="14"/>
      <c r="F37" s="14"/>
    </row>
    <row r="38" spans="2:7" s="9" customFormat="1" ht="20.100000000000001" customHeight="1" x14ac:dyDescent="0.25">
      <c r="B38" s="13"/>
      <c r="C38" s="2" t="s">
        <v>4</v>
      </c>
      <c r="D38" s="14"/>
      <c r="E38" s="14"/>
      <c r="F38" s="14"/>
    </row>
    <row r="39" spans="2:7" ht="5.0999999999999996" customHeight="1" x14ac:dyDescent="0.2"/>
    <row r="40" spans="2:7" s="2" customFormat="1" ht="20.100000000000001" customHeight="1" x14ac:dyDescent="0.25">
      <c r="B40" s="92" t="s">
        <v>26</v>
      </c>
      <c r="C40" s="92"/>
      <c r="D40" s="92"/>
      <c r="E40" s="92"/>
      <c r="F40" s="92"/>
    </row>
    <row r="41" spans="2:7" s="2" customFormat="1" ht="5.0999999999999996" customHeight="1" thickBot="1" x14ac:dyDescent="0.3">
      <c r="B41" s="15"/>
      <c r="D41" s="6"/>
      <c r="E41" s="6"/>
      <c r="F41" s="6"/>
    </row>
    <row r="42" spans="2:7" s="3" customFormat="1" ht="93" customHeight="1" x14ac:dyDescent="0.25">
      <c r="B42" s="98" t="s">
        <v>0</v>
      </c>
      <c r="C42" s="99"/>
      <c r="D42" s="115" t="s">
        <v>28</v>
      </c>
      <c r="E42" s="116"/>
      <c r="F42" s="117"/>
      <c r="G42" s="23"/>
    </row>
    <row r="43" spans="2:7" s="3" customFormat="1" ht="30" customHeight="1" thickBot="1" x14ac:dyDescent="0.3">
      <c r="B43" s="100"/>
      <c r="C43" s="101"/>
      <c r="D43" s="24" t="s">
        <v>29</v>
      </c>
      <c r="E43" s="123" t="s">
        <v>30</v>
      </c>
      <c r="F43" s="124"/>
    </row>
    <row r="44" spans="2:7" s="25" customFormat="1" ht="30.75" customHeight="1" x14ac:dyDescent="0.25">
      <c r="B44" s="88" t="s">
        <v>85</v>
      </c>
      <c r="C44" s="89"/>
      <c r="D44" s="89"/>
      <c r="E44" s="89"/>
      <c r="F44" s="90"/>
    </row>
    <row r="45" spans="2:7" s="4" customFormat="1" ht="24.95" customHeight="1" x14ac:dyDescent="0.25">
      <c r="B45" s="66" t="s">
        <v>16</v>
      </c>
      <c r="C45" s="45" t="s">
        <v>131</v>
      </c>
      <c r="D45" s="54"/>
      <c r="E45" s="81"/>
      <c r="F45" s="82"/>
    </row>
    <row r="46" spans="2:7" s="4" customFormat="1" ht="24.95" customHeight="1" x14ac:dyDescent="0.25">
      <c r="B46" s="66" t="s">
        <v>59</v>
      </c>
      <c r="C46" s="45" t="s">
        <v>132</v>
      </c>
      <c r="D46" s="54"/>
      <c r="E46" s="81"/>
      <c r="F46" s="82"/>
    </row>
    <row r="47" spans="2:7" s="4" customFormat="1" ht="24.95" customHeight="1" x14ac:dyDescent="0.25">
      <c r="B47" s="66" t="s">
        <v>60</v>
      </c>
      <c r="C47" s="45" t="s">
        <v>133</v>
      </c>
      <c r="D47" s="54"/>
      <c r="E47" s="96"/>
      <c r="F47" s="97"/>
    </row>
    <row r="48" spans="2:7" s="4" customFormat="1" ht="24.95" customHeight="1" x14ac:dyDescent="0.25">
      <c r="B48" s="66" t="s">
        <v>61</v>
      </c>
      <c r="C48" s="45" t="s">
        <v>144</v>
      </c>
      <c r="D48" s="54"/>
      <c r="E48" s="81"/>
      <c r="F48" s="82"/>
    </row>
    <row r="49" spans="2:6" s="4" customFormat="1" ht="24.95" customHeight="1" x14ac:dyDescent="0.25">
      <c r="B49" s="66" t="s">
        <v>62</v>
      </c>
      <c r="C49" s="45" t="s">
        <v>134</v>
      </c>
      <c r="D49" s="54"/>
      <c r="E49" s="81"/>
      <c r="F49" s="82"/>
    </row>
    <row r="50" spans="2:6" s="4" customFormat="1" ht="24.95" customHeight="1" x14ac:dyDescent="0.25">
      <c r="B50" s="66" t="s">
        <v>63</v>
      </c>
      <c r="C50" s="45" t="s">
        <v>135</v>
      </c>
      <c r="D50" s="54"/>
      <c r="E50" s="81"/>
      <c r="F50" s="82"/>
    </row>
    <row r="51" spans="2:6" s="4" customFormat="1" ht="24.95" customHeight="1" x14ac:dyDescent="0.25">
      <c r="B51" s="66" t="s">
        <v>71</v>
      </c>
      <c r="C51" s="45" t="s">
        <v>136</v>
      </c>
      <c r="D51" s="54"/>
      <c r="E51" s="81"/>
      <c r="F51" s="82"/>
    </row>
    <row r="52" spans="2:6" s="4" customFormat="1" ht="24.95" customHeight="1" x14ac:dyDescent="0.25">
      <c r="B52" s="66" t="s">
        <v>64</v>
      </c>
      <c r="C52" s="45" t="s">
        <v>137</v>
      </c>
      <c r="D52" s="54"/>
      <c r="E52" s="81"/>
      <c r="F52" s="82"/>
    </row>
    <row r="53" spans="2:6" s="4" customFormat="1" ht="24.95" customHeight="1" x14ac:dyDescent="0.25">
      <c r="B53" s="66" t="s">
        <v>65</v>
      </c>
      <c r="C53" s="45" t="s">
        <v>138</v>
      </c>
      <c r="D53" s="54"/>
      <c r="E53" s="81"/>
      <c r="F53" s="82"/>
    </row>
    <row r="54" spans="2:6" s="4" customFormat="1" ht="24.95" customHeight="1" x14ac:dyDescent="0.25">
      <c r="B54" s="66" t="s">
        <v>66</v>
      </c>
      <c r="C54" s="45" t="s">
        <v>139</v>
      </c>
      <c r="D54" s="54"/>
      <c r="E54" s="81"/>
      <c r="F54" s="82"/>
    </row>
    <row r="55" spans="2:6" s="4" customFormat="1" ht="24.95" customHeight="1" x14ac:dyDescent="0.25">
      <c r="B55" s="66" t="s">
        <v>67</v>
      </c>
      <c r="C55" s="45" t="s">
        <v>140</v>
      </c>
      <c r="D55" s="54"/>
      <c r="E55" s="81"/>
      <c r="F55" s="82"/>
    </row>
    <row r="56" spans="2:6" s="4" customFormat="1" ht="24.95" customHeight="1" x14ac:dyDescent="0.25">
      <c r="B56" s="66" t="s">
        <v>90</v>
      </c>
      <c r="C56" s="45" t="s">
        <v>141</v>
      </c>
      <c r="D56" s="54"/>
      <c r="E56" s="81"/>
      <c r="F56" s="82"/>
    </row>
    <row r="57" spans="2:6" s="4" customFormat="1" ht="24.95" customHeight="1" x14ac:dyDescent="0.25">
      <c r="B57" s="66" t="s">
        <v>91</v>
      </c>
      <c r="C57" s="45" t="s">
        <v>142</v>
      </c>
      <c r="D57" s="54"/>
      <c r="E57" s="81"/>
      <c r="F57" s="82"/>
    </row>
    <row r="58" spans="2:6" s="4" customFormat="1" ht="24.95" customHeight="1" x14ac:dyDescent="0.25">
      <c r="B58" s="66" t="s">
        <v>68</v>
      </c>
      <c r="C58" s="45" t="s">
        <v>143</v>
      </c>
      <c r="D58" s="54"/>
      <c r="E58" s="81"/>
      <c r="F58" s="82"/>
    </row>
    <row r="59" spans="2:6" s="4" customFormat="1" ht="24.95" customHeight="1" x14ac:dyDescent="0.25">
      <c r="B59" s="66" t="s">
        <v>92</v>
      </c>
      <c r="C59" s="45" t="s">
        <v>145</v>
      </c>
      <c r="D59" s="54" t="s">
        <v>146</v>
      </c>
      <c r="E59" s="96" t="s">
        <v>146</v>
      </c>
      <c r="F59" s="97"/>
    </row>
    <row r="60" spans="2:6" s="4" customFormat="1" ht="24.95" customHeight="1" x14ac:dyDescent="0.25">
      <c r="B60" s="63" t="s">
        <v>147</v>
      </c>
      <c r="C60" s="45" t="s">
        <v>162</v>
      </c>
      <c r="D60" s="54"/>
      <c r="E60" s="81"/>
      <c r="F60" s="82"/>
    </row>
    <row r="61" spans="2:6" s="4" customFormat="1" ht="24.95" customHeight="1" x14ac:dyDescent="0.25">
      <c r="B61" s="63" t="s">
        <v>148</v>
      </c>
      <c r="C61" s="45" t="s">
        <v>163</v>
      </c>
      <c r="D61" s="54"/>
      <c r="E61" s="81"/>
      <c r="F61" s="82"/>
    </row>
    <row r="62" spans="2:6" s="4" customFormat="1" ht="24.95" customHeight="1" x14ac:dyDescent="0.25">
      <c r="B62" s="63" t="s">
        <v>149</v>
      </c>
      <c r="C62" s="45" t="s">
        <v>164</v>
      </c>
      <c r="D62" s="54"/>
      <c r="E62" s="81"/>
      <c r="F62" s="82"/>
    </row>
    <row r="63" spans="2:6" s="4" customFormat="1" ht="24.95" customHeight="1" x14ac:dyDescent="0.25">
      <c r="B63" s="63" t="s">
        <v>150</v>
      </c>
      <c r="C63" s="45" t="s">
        <v>165</v>
      </c>
      <c r="D63" s="54"/>
      <c r="E63" s="81"/>
      <c r="F63" s="82"/>
    </row>
    <row r="64" spans="2:6" s="4" customFormat="1" ht="24.95" customHeight="1" x14ac:dyDescent="0.25">
      <c r="B64" s="63" t="s">
        <v>151</v>
      </c>
      <c r="C64" s="45" t="s">
        <v>166</v>
      </c>
      <c r="D64" s="54"/>
      <c r="E64" s="81"/>
      <c r="F64" s="82"/>
    </row>
    <row r="65" spans="2:6" s="4" customFormat="1" ht="24.95" customHeight="1" x14ac:dyDescent="0.25">
      <c r="B65" s="63" t="s">
        <v>152</v>
      </c>
      <c r="C65" s="45" t="s">
        <v>167</v>
      </c>
      <c r="D65" s="54"/>
      <c r="E65" s="81"/>
      <c r="F65" s="82"/>
    </row>
    <row r="66" spans="2:6" s="4" customFormat="1" ht="24.95" customHeight="1" x14ac:dyDescent="0.25">
      <c r="B66" s="63" t="s">
        <v>153</v>
      </c>
      <c r="C66" s="45" t="s">
        <v>168</v>
      </c>
      <c r="D66" s="54"/>
      <c r="E66" s="81"/>
      <c r="F66" s="82"/>
    </row>
    <row r="67" spans="2:6" s="4" customFormat="1" ht="24.95" customHeight="1" x14ac:dyDescent="0.25">
      <c r="B67" s="63" t="s">
        <v>154</v>
      </c>
      <c r="C67" s="45" t="s">
        <v>169</v>
      </c>
      <c r="D67" s="54"/>
      <c r="E67" s="81"/>
      <c r="F67" s="82"/>
    </row>
    <row r="68" spans="2:6" s="4" customFormat="1" ht="24.95" customHeight="1" x14ac:dyDescent="0.25">
      <c r="B68" s="63" t="s">
        <v>155</v>
      </c>
      <c r="C68" s="45" t="s">
        <v>170</v>
      </c>
      <c r="D68" s="54"/>
      <c r="E68" s="81"/>
      <c r="F68" s="82"/>
    </row>
    <row r="69" spans="2:6" s="4" customFormat="1" ht="24.95" customHeight="1" x14ac:dyDescent="0.25">
      <c r="B69" s="63" t="s">
        <v>156</v>
      </c>
      <c r="C69" s="45" t="s">
        <v>171</v>
      </c>
      <c r="D69" s="54"/>
      <c r="E69" s="81"/>
      <c r="F69" s="82"/>
    </row>
    <row r="70" spans="2:6" s="4" customFormat="1" ht="24.95" customHeight="1" x14ac:dyDescent="0.25">
      <c r="B70" s="63" t="s">
        <v>157</v>
      </c>
      <c r="C70" s="45" t="s">
        <v>172</v>
      </c>
      <c r="D70" s="54"/>
      <c r="E70" s="81"/>
      <c r="F70" s="82"/>
    </row>
    <row r="71" spans="2:6" s="4" customFormat="1" ht="24.95" customHeight="1" x14ac:dyDescent="0.25">
      <c r="B71" s="63" t="s">
        <v>158</v>
      </c>
      <c r="C71" s="45" t="s">
        <v>173</v>
      </c>
      <c r="D71" s="54"/>
      <c r="E71" s="81"/>
      <c r="F71" s="82"/>
    </row>
    <row r="72" spans="2:6" s="4" customFormat="1" ht="24.95" customHeight="1" x14ac:dyDescent="0.25">
      <c r="B72" s="63" t="s">
        <v>159</v>
      </c>
      <c r="C72" s="45" t="s">
        <v>174</v>
      </c>
      <c r="D72" s="54"/>
      <c r="E72" s="81"/>
      <c r="F72" s="82"/>
    </row>
    <row r="73" spans="2:6" s="4" customFormat="1" ht="24.95" customHeight="1" x14ac:dyDescent="0.25">
      <c r="B73" s="63" t="s">
        <v>160</v>
      </c>
      <c r="C73" s="45" t="s">
        <v>175</v>
      </c>
      <c r="D73" s="54"/>
      <c r="E73" s="81"/>
      <c r="F73" s="82"/>
    </row>
    <row r="74" spans="2:6" s="4" customFormat="1" ht="24.95" customHeight="1" x14ac:dyDescent="0.25">
      <c r="B74" s="63" t="s">
        <v>161</v>
      </c>
      <c r="C74" s="45" t="s">
        <v>176</v>
      </c>
      <c r="D74" s="54"/>
      <c r="E74" s="81"/>
      <c r="F74" s="82"/>
    </row>
    <row r="75" spans="2:6" s="4" customFormat="1" ht="24.95" customHeight="1" x14ac:dyDescent="0.25">
      <c r="B75" s="66" t="s">
        <v>93</v>
      </c>
      <c r="C75" s="45" t="s">
        <v>177</v>
      </c>
      <c r="D75" s="54" t="s">
        <v>146</v>
      </c>
      <c r="E75" s="96" t="s">
        <v>146</v>
      </c>
      <c r="F75" s="97"/>
    </row>
    <row r="76" spans="2:6" s="4" customFormat="1" ht="24.95" customHeight="1" x14ac:dyDescent="0.25">
      <c r="B76" s="63" t="s">
        <v>178</v>
      </c>
      <c r="C76" s="45" t="s">
        <v>196</v>
      </c>
      <c r="D76" s="54"/>
      <c r="E76" s="81"/>
      <c r="F76" s="82"/>
    </row>
    <row r="77" spans="2:6" s="4" customFormat="1" ht="24.95" customHeight="1" x14ac:dyDescent="0.25">
      <c r="B77" s="63" t="s">
        <v>179</v>
      </c>
      <c r="C77" s="45" t="s">
        <v>197</v>
      </c>
      <c r="D77" s="54"/>
      <c r="E77" s="81"/>
      <c r="F77" s="82"/>
    </row>
    <row r="78" spans="2:6" s="4" customFormat="1" ht="24.95" customHeight="1" x14ac:dyDescent="0.25">
      <c r="B78" s="63" t="s">
        <v>180</v>
      </c>
      <c r="C78" s="45" t="s">
        <v>198</v>
      </c>
      <c r="D78" s="54"/>
      <c r="E78" s="81"/>
      <c r="F78" s="82"/>
    </row>
    <row r="79" spans="2:6" s="4" customFormat="1" ht="24.95" customHeight="1" x14ac:dyDescent="0.25">
      <c r="B79" s="63" t="s">
        <v>181</v>
      </c>
      <c r="C79" s="45" t="s">
        <v>199</v>
      </c>
      <c r="D79" s="54"/>
      <c r="E79" s="81"/>
      <c r="F79" s="82"/>
    </row>
    <row r="80" spans="2:6" s="4" customFormat="1" ht="24.95" customHeight="1" x14ac:dyDescent="0.25">
      <c r="B80" s="63" t="s">
        <v>182</v>
      </c>
      <c r="C80" s="45" t="s">
        <v>200</v>
      </c>
      <c r="D80" s="54"/>
      <c r="E80" s="81"/>
      <c r="F80" s="82"/>
    </row>
    <row r="81" spans="2:6" s="4" customFormat="1" ht="31.5" customHeight="1" x14ac:dyDescent="0.25">
      <c r="B81" s="63" t="s">
        <v>183</v>
      </c>
      <c r="C81" s="45" t="s">
        <v>201</v>
      </c>
      <c r="D81" s="54"/>
      <c r="E81" s="81"/>
      <c r="F81" s="82"/>
    </row>
    <row r="82" spans="2:6" s="4" customFormat="1" ht="24.95" customHeight="1" x14ac:dyDescent="0.25">
      <c r="B82" s="63" t="s">
        <v>184</v>
      </c>
      <c r="C82" s="45" t="s">
        <v>202</v>
      </c>
      <c r="D82" s="54"/>
      <c r="E82" s="81"/>
      <c r="F82" s="82"/>
    </row>
    <row r="83" spans="2:6" s="4" customFormat="1" ht="24.95" customHeight="1" x14ac:dyDescent="0.25">
      <c r="B83" s="63" t="s">
        <v>185</v>
      </c>
      <c r="C83" s="45" t="s">
        <v>203</v>
      </c>
      <c r="D83" s="54"/>
      <c r="E83" s="81"/>
      <c r="F83" s="82"/>
    </row>
    <row r="84" spans="2:6" s="4" customFormat="1" ht="24.95" customHeight="1" x14ac:dyDescent="0.25">
      <c r="B84" s="63" t="s">
        <v>186</v>
      </c>
      <c r="C84" s="45" t="s">
        <v>204</v>
      </c>
      <c r="D84" s="54"/>
      <c r="E84" s="81"/>
      <c r="F84" s="82"/>
    </row>
    <row r="85" spans="2:6" s="4" customFormat="1" ht="31.5" customHeight="1" x14ac:dyDescent="0.25">
      <c r="B85" s="63" t="s">
        <v>187</v>
      </c>
      <c r="C85" s="45" t="s">
        <v>205</v>
      </c>
      <c r="D85" s="54"/>
      <c r="E85" s="81"/>
      <c r="F85" s="82"/>
    </row>
    <row r="86" spans="2:6" s="4" customFormat="1" ht="24.95" customHeight="1" x14ac:dyDescent="0.25">
      <c r="B86" s="63" t="s">
        <v>188</v>
      </c>
      <c r="C86" s="45" t="s">
        <v>206</v>
      </c>
      <c r="D86" s="54"/>
      <c r="E86" s="81"/>
      <c r="F86" s="82"/>
    </row>
    <row r="87" spans="2:6" s="4" customFormat="1" ht="24.95" customHeight="1" x14ac:dyDescent="0.25">
      <c r="B87" s="63" t="s">
        <v>189</v>
      </c>
      <c r="C87" s="45" t="s">
        <v>207</v>
      </c>
      <c r="D87" s="54"/>
      <c r="E87" s="81"/>
      <c r="F87" s="82"/>
    </row>
    <row r="88" spans="2:6" s="4" customFormat="1" ht="24.95" customHeight="1" x14ac:dyDescent="0.25">
      <c r="B88" s="63" t="s">
        <v>190</v>
      </c>
      <c r="C88" s="45" t="s">
        <v>208</v>
      </c>
      <c r="D88" s="54"/>
      <c r="E88" s="81"/>
      <c r="F88" s="82"/>
    </row>
    <row r="89" spans="2:6" s="4" customFormat="1" ht="24.95" customHeight="1" x14ac:dyDescent="0.25">
      <c r="B89" s="63" t="s">
        <v>191</v>
      </c>
      <c r="C89" s="45" t="s">
        <v>209</v>
      </c>
      <c r="D89" s="54"/>
      <c r="E89" s="81"/>
      <c r="F89" s="82"/>
    </row>
    <row r="90" spans="2:6" s="4" customFormat="1" ht="24.95" customHeight="1" x14ac:dyDescent="0.25">
      <c r="B90" s="63" t="s">
        <v>192</v>
      </c>
      <c r="C90" s="45" t="s">
        <v>210</v>
      </c>
      <c r="D90" s="54"/>
      <c r="E90" s="81"/>
      <c r="F90" s="82"/>
    </row>
    <row r="91" spans="2:6" s="4" customFormat="1" ht="24.95" customHeight="1" x14ac:dyDescent="0.25">
      <c r="B91" s="63" t="s">
        <v>193</v>
      </c>
      <c r="C91" s="45" t="s">
        <v>211</v>
      </c>
      <c r="D91" s="54"/>
      <c r="E91" s="81"/>
      <c r="F91" s="82"/>
    </row>
    <row r="92" spans="2:6" s="4" customFormat="1" ht="24.95" customHeight="1" x14ac:dyDescent="0.25">
      <c r="B92" s="63" t="s">
        <v>194</v>
      </c>
      <c r="C92" s="45" t="s">
        <v>212</v>
      </c>
      <c r="D92" s="54"/>
      <c r="E92" s="81"/>
      <c r="F92" s="82"/>
    </row>
    <row r="93" spans="2:6" s="4" customFormat="1" ht="24.95" customHeight="1" thickBot="1" x14ac:dyDescent="0.3">
      <c r="B93" s="64" t="s">
        <v>195</v>
      </c>
      <c r="C93" s="51" t="s">
        <v>213</v>
      </c>
      <c r="D93" s="55"/>
      <c r="E93" s="83"/>
      <c r="F93" s="84"/>
    </row>
    <row r="94" spans="2:6" s="25" customFormat="1" ht="30.75" customHeight="1" x14ac:dyDescent="0.25">
      <c r="B94" s="88" t="s">
        <v>86</v>
      </c>
      <c r="C94" s="89"/>
      <c r="D94" s="89"/>
      <c r="E94" s="89"/>
      <c r="F94" s="90"/>
    </row>
    <row r="95" spans="2:6" s="4" customFormat="1" ht="24.95" customHeight="1" x14ac:dyDescent="0.25">
      <c r="B95" s="70" t="s">
        <v>16</v>
      </c>
      <c r="C95" s="71" t="s">
        <v>103</v>
      </c>
      <c r="D95" s="54"/>
      <c r="E95" s="81"/>
      <c r="F95" s="82"/>
    </row>
    <row r="96" spans="2:6" s="4" customFormat="1" ht="30.75" customHeight="1" x14ac:dyDescent="0.25">
      <c r="B96" s="70" t="s">
        <v>59</v>
      </c>
      <c r="C96" s="71" t="s">
        <v>311</v>
      </c>
      <c r="D96" s="54"/>
      <c r="E96" s="81"/>
      <c r="F96" s="82"/>
    </row>
    <row r="97" spans="2:6" s="4" customFormat="1" ht="24.95" customHeight="1" x14ac:dyDescent="0.25">
      <c r="B97" s="70" t="s">
        <v>60</v>
      </c>
      <c r="C97" s="71" t="s">
        <v>104</v>
      </c>
      <c r="D97" s="54"/>
      <c r="E97" s="96"/>
      <c r="F97" s="97"/>
    </row>
    <row r="98" spans="2:6" s="4" customFormat="1" ht="24.95" customHeight="1" x14ac:dyDescent="0.25">
      <c r="B98" s="70" t="s">
        <v>61</v>
      </c>
      <c r="C98" s="71" t="s">
        <v>105</v>
      </c>
      <c r="D98" s="54"/>
      <c r="E98" s="81"/>
      <c r="F98" s="82"/>
    </row>
    <row r="99" spans="2:6" s="4" customFormat="1" ht="24.95" customHeight="1" x14ac:dyDescent="0.25">
      <c r="B99" s="70" t="s">
        <v>62</v>
      </c>
      <c r="C99" s="71" t="s">
        <v>106</v>
      </c>
      <c r="D99" s="54"/>
      <c r="E99" s="81"/>
      <c r="F99" s="82"/>
    </row>
    <row r="100" spans="2:6" s="4" customFormat="1" ht="24.95" customHeight="1" x14ac:dyDescent="0.25">
      <c r="B100" s="70" t="s">
        <v>63</v>
      </c>
      <c r="C100" s="71" t="s">
        <v>107</v>
      </c>
      <c r="D100" s="54"/>
      <c r="E100" s="81"/>
      <c r="F100" s="82"/>
    </row>
    <row r="101" spans="2:6" s="4" customFormat="1" ht="24.95" customHeight="1" x14ac:dyDescent="0.25">
      <c r="B101" s="70" t="s">
        <v>89</v>
      </c>
      <c r="C101" s="71" t="s">
        <v>108</v>
      </c>
      <c r="D101" s="54"/>
      <c r="E101" s="81"/>
      <c r="F101" s="82"/>
    </row>
    <row r="102" spans="2:6" s="4" customFormat="1" ht="24.95" customHeight="1" x14ac:dyDescent="0.25">
      <c r="B102" s="70" t="s">
        <v>64</v>
      </c>
      <c r="C102" s="71" t="s">
        <v>109</v>
      </c>
      <c r="D102" s="54"/>
      <c r="E102" s="81"/>
      <c r="F102" s="82"/>
    </row>
    <row r="103" spans="2:6" s="4" customFormat="1" ht="24.95" customHeight="1" x14ac:dyDescent="0.25">
      <c r="B103" s="70" t="s">
        <v>65</v>
      </c>
      <c r="C103" s="71" t="s">
        <v>294</v>
      </c>
      <c r="D103" s="54"/>
      <c r="E103" s="81"/>
      <c r="F103" s="82"/>
    </row>
    <row r="104" spans="2:6" s="4" customFormat="1" ht="24.95" customHeight="1" x14ac:dyDescent="0.25">
      <c r="B104" s="70" t="s">
        <v>66</v>
      </c>
      <c r="C104" s="71" t="s">
        <v>295</v>
      </c>
      <c r="D104" s="54"/>
      <c r="E104" s="81"/>
      <c r="F104" s="82"/>
    </row>
    <row r="105" spans="2:6" s="4" customFormat="1" ht="24.95" customHeight="1" x14ac:dyDescent="0.25">
      <c r="B105" s="70" t="s">
        <v>67</v>
      </c>
      <c r="C105" s="71" t="s">
        <v>110</v>
      </c>
      <c r="D105" s="54"/>
      <c r="E105" s="81"/>
      <c r="F105" s="82"/>
    </row>
    <row r="106" spans="2:6" s="4" customFormat="1" ht="30" customHeight="1" x14ac:dyDescent="0.25">
      <c r="B106" s="70" t="s">
        <v>90</v>
      </c>
      <c r="C106" s="71" t="s">
        <v>111</v>
      </c>
      <c r="D106" s="54"/>
      <c r="E106" s="81"/>
      <c r="F106" s="82"/>
    </row>
    <row r="107" spans="2:6" s="4" customFormat="1" ht="30" customHeight="1" x14ac:dyDescent="0.25">
      <c r="B107" s="70" t="s">
        <v>91</v>
      </c>
      <c r="C107" s="71" t="s">
        <v>112</v>
      </c>
      <c r="D107" s="54"/>
      <c r="E107" s="81"/>
      <c r="F107" s="82"/>
    </row>
    <row r="108" spans="2:6" s="4" customFormat="1" ht="24.95" customHeight="1" x14ac:dyDescent="0.25">
      <c r="B108" s="70" t="s">
        <v>68</v>
      </c>
      <c r="C108" s="71" t="s">
        <v>113</v>
      </c>
      <c r="D108" s="54"/>
      <c r="E108" s="81"/>
      <c r="F108" s="82"/>
    </row>
    <row r="109" spans="2:6" s="4" customFormat="1" ht="30" customHeight="1" x14ac:dyDescent="0.25">
      <c r="B109" s="70" t="s">
        <v>92</v>
      </c>
      <c r="C109" s="71" t="s">
        <v>114</v>
      </c>
      <c r="D109" s="54"/>
      <c r="E109" s="81"/>
      <c r="F109" s="82"/>
    </row>
    <row r="110" spans="2:6" s="4" customFormat="1" ht="30" customHeight="1" x14ac:dyDescent="0.25">
      <c r="B110" s="70" t="s">
        <v>93</v>
      </c>
      <c r="C110" s="71" t="s">
        <v>115</v>
      </c>
      <c r="D110" s="54"/>
      <c r="E110" s="81"/>
      <c r="F110" s="82"/>
    </row>
    <row r="111" spans="2:6" s="4" customFormat="1" ht="24.95" customHeight="1" thickBot="1" x14ac:dyDescent="0.3">
      <c r="B111" s="70" t="s">
        <v>94</v>
      </c>
      <c r="C111" s="71" t="s">
        <v>116</v>
      </c>
      <c r="D111" s="54"/>
      <c r="E111" s="81"/>
      <c r="F111" s="82"/>
    </row>
    <row r="112" spans="2:6" s="25" customFormat="1" ht="30.75" customHeight="1" x14ac:dyDescent="0.25">
      <c r="B112" s="88" t="s">
        <v>117</v>
      </c>
      <c r="C112" s="89"/>
      <c r="D112" s="89"/>
      <c r="E112" s="89"/>
      <c r="F112" s="90"/>
    </row>
    <row r="113" spans="2:6" s="4" customFormat="1" ht="24.95" customHeight="1" x14ac:dyDescent="0.25">
      <c r="B113" s="70" t="s">
        <v>16</v>
      </c>
      <c r="C113" s="71" t="s">
        <v>103</v>
      </c>
      <c r="D113" s="54"/>
      <c r="E113" s="81"/>
      <c r="F113" s="82"/>
    </row>
    <row r="114" spans="2:6" s="4" customFormat="1" ht="30.75" customHeight="1" x14ac:dyDescent="0.25">
      <c r="B114" s="70" t="s">
        <v>59</v>
      </c>
      <c r="C114" s="71" t="s">
        <v>311</v>
      </c>
      <c r="D114" s="54"/>
      <c r="E114" s="81"/>
      <c r="F114" s="82"/>
    </row>
    <row r="115" spans="2:6" s="4" customFormat="1" ht="24.95" customHeight="1" x14ac:dyDescent="0.25">
      <c r="B115" s="70" t="s">
        <v>60</v>
      </c>
      <c r="C115" s="72" t="s">
        <v>296</v>
      </c>
      <c r="D115" s="54"/>
      <c r="E115" s="81"/>
      <c r="F115" s="82"/>
    </row>
    <row r="116" spans="2:6" s="4" customFormat="1" ht="24.95" customHeight="1" x14ac:dyDescent="0.25">
      <c r="B116" s="70" t="s">
        <v>61</v>
      </c>
      <c r="C116" s="72" t="s">
        <v>297</v>
      </c>
      <c r="D116" s="54"/>
      <c r="E116" s="81"/>
      <c r="F116" s="82"/>
    </row>
    <row r="117" spans="2:6" s="4" customFormat="1" ht="24.95" customHeight="1" x14ac:dyDescent="0.25">
      <c r="B117" s="70" t="s">
        <v>62</v>
      </c>
      <c r="C117" s="72" t="s">
        <v>298</v>
      </c>
      <c r="D117" s="54"/>
      <c r="E117" s="81"/>
      <c r="F117" s="82"/>
    </row>
    <row r="118" spans="2:6" s="4" customFormat="1" ht="24.95" customHeight="1" x14ac:dyDescent="0.25">
      <c r="B118" s="70" t="s">
        <v>63</v>
      </c>
      <c r="C118" s="72" t="s">
        <v>107</v>
      </c>
      <c r="D118" s="54"/>
      <c r="E118" s="81"/>
      <c r="F118" s="82"/>
    </row>
    <row r="119" spans="2:6" s="4" customFormat="1" ht="24.95" customHeight="1" x14ac:dyDescent="0.25">
      <c r="B119" s="70" t="s">
        <v>89</v>
      </c>
      <c r="C119" s="72" t="s">
        <v>299</v>
      </c>
      <c r="D119" s="54"/>
      <c r="E119" s="81"/>
      <c r="F119" s="82"/>
    </row>
    <row r="120" spans="2:6" s="4" customFormat="1" ht="24.95" customHeight="1" x14ac:dyDescent="0.25">
      <c r="B120" s="70" t="s">
        <v>64</v>
      </c>
      <c r="C120" s="71" t="s">
        <v>294</v>
      </c>
      <c r="D120" s="54"/>
      <c r="E120" s="81"/>
      <c r="F120" s="82"/>
    </row>
    <row r="121" spans="2:6" s="4" customFormat="1" ht="24.95" customHeight="1" x14ac:dyDescent="0.25">
      <c r="B121" s="70" t="s">
        <v>65</v>
      </c>
      <c r="C121" s="71" t="s">
        <v>295</v>
      </c>
      <c r="D121" s="54"/>
      <c r="E121" s="81"/>
      <c r="F121" s="82"/>
    </row>
    <row r="122" spans="2:6" s="4" customFormat="1" ht="24.95" customHeight="1" x14ac:dyDescent="0.25">
      <c r="B122" s="70" t="s">
        <v>66</v>
      </c>
      <c r="C122" s="72" t="s">
        <v>300</v>
      </c>
      <c r="D122" s="54"/>
      <c r="E122" s="81"/>
      <c r="F122" s="82"/>
    </row>
    <row r="123" spans="2:6" s="4" customFormat="1" ht="24.95" customHeight="1" x14ac:dyDescent="0.25">
      <c r="B123" s="70" t="s">
        <v>67</v>
      </c>
      <c r="C123" s="72" t="s">
        <v>301</v>
      </c>
      <c r="D123" s="54"/>
      <c r="E123" s="81"/>
      <c r="F123" s="82"/>
    </row>
    <row r="124" spans="2:6" s="4" customFormat="1" ht="24.95" customHeight="1" x14ac:dyDescent="0.25">
      <c r="B124" s="70" t="s">
        <v>90</v>
      </c>
      <c r="C124" s="72" t="s">
        <v>171</v>
      </c>
      <c r="D124" s="54"/>
      <c r="E124" s="81"/>
      <c r="F124" s="82"/>
    </row>
    <row r="125" spans="2:6" s="4" customFormat="1" ht="24.95" customHeight="1" x14ac:dyDescent="0.25">
      <c r="B125" s="70" t="s">
        <v>91</v>
      </c>
      <c r="C125" s="72" t="s">
        <v>302</v>
      </c>
      <c r="D125" s="54"/>
      <c r="E125" s="81"/>
      <c r="F125" s="82"/>
    </row>
    <row r="126" spans="2:6" s="4" customFormat="1" ht="24.95" customHeight="1" x14ac:dyDescent="0.25">
      <c r="B126" s="70" t="s">
        <v>68</v>
      </c>
      <c r="C126" s="73" t="s">
        <v>303</v>
      </c>
      <c r="D126" s="54"/>
      <c r="E126" s="81"/>
      <c r="F126" s="82"/>
    </row>
    <row r="127" spans="2:6" s="4" customFormat="1" ht="24.95" customHeight="1" x14ac:dyDescent="0.25">
      <c r="B127" s="74" t="s">
        <v>304</v>
      </c>
      <c r="C127" s="72" t="s">
        <v>305</v>
      </c>
      <c r="D127" s="54"/>
      <c r="E127" s="81"/>
      <c r="F127" s="82"/>
    </row>
    <row r="128" spans="2:6" s="4" customFormat="1" ht="24.95" customHeight="1" x14ac:dyDescent="0.25">
      <c r="B128" s="74" t="s">
        <v>306</v>
      </c>
      <c r="C128" s="72" t="s">
        <v>307</v>
      </c>
      <c r="D128" s="54"/>
      <c r="E128" s="81"/>
      <c r="F128" s="82"/>
    </row>
    <row r="129" spans="2:6" s="4" customFormat="1" ht="24.95" customHeight="1" x14ac:dyDescent="0.25">
      <c r="B129" s="70" t="s">
        <v>92</v>
      </c>
      <c r="C129" s="72" t="s">
        <v>308</v>
      </c>
      <c r="D129" s="54"/>
      <c r="E129" s="81"/>
      <c r="F129" s="82"/>
    </row>
    <row r="130" spans="2:6" s="4" customFormat="1" ht="24.95" customHeight="1" thickBot="1" x14ac:dyDescent="0.3">
      <c r="B130" s="70" t="s">
        <v>93</v>
      </c>
      <c r="C130" s="72" t="s">
        <v>115</v>
      </c>
      <c r="D130" s="54"/>
      <c r="E130" s="81"/>
      <c r="F130" s="82"/>
    </row>
    <row r="131" spans="2:6" s="25" customFormat="1" ht="30.75" customHeight="1" x14ac:dyDescent="0.25">
      <c r="B131" s="88" t="s">
        <v>118</v>
      </c>
      <c r="C131" s="89"/>
      <c r="D131" s="89"/>
      <c r="E131" s="89"/>
      <c r="F131" s="90"/>
    </row>
    <row r="132" spans="2:6" s="4" customFormat="1" ht="24.95" customHeight="1" x14ac:dyDescent="0.25">
      <c r="B132" s="70" t="s">
        <v>16</v>
      </c>
      <c r="C132" s="71" t="s">
        <v>103</v>
      </c>
      <c r="D132" s="54"/>
      <c r="E132" s="81"/>
      <c r="F132" s="82"/>
    </row>
    <row r="133" spans="2:6" s="4" customFormat="1" ht="30.75" customHeight="1" x14ac:dyDescent="0.25">
      <c r="B133" s="70" t="s">
        <v>59</v>
      </c>
      <c r="C133" s="71" t="s">
        <v>311</v>
      </c>
      <c r="D133" s="54"/>
      <c r="E133" s="81"/>
      <c r="F133" s="82"/>
    </row>
    <row r="134" spans="2:6" s="4" customFormat="1" ht="24.95" customHeight="1" x14ac:dyDescent="0.25">
      <c r="B134" s="70" t="s">
        <v>60</v>
      </c>
      <c r="C134" s="71" t="s">
        <v>119</v>
      </c>
      <c r="D134" s="54"/>
      <c r="E134" s="81"/>
      <c r="F134" s="82"/>
    </row>
    <row r="135" spans="2:6" s="4" customFormat="1" ht="24.95" customHeight="1" x14ac:dyDescent="0.25">
      <c r="B135" s="70" t="s">
        <v>61</v>
      </c>
      <c r="C135" s="71" t="s">
        <v>120</v>
      </c>
      <c r="D135" s="54"/>
      <c r="E135" s="81"/>
      <c r="F135" s="82"/>
    </row>
    <row r="136" spans="2:6" s="4" customFormat="1" ht="24.95" customHeight="1" x14ac:dyDescent="0.25">
      <c r="B136" s="66" t="s">
        <v>62</v>
      </c>
      <c r="C136" s="71" t="s">
        <v>309</v>
      </c>
      <c r="D136" s="54"/>
      <c r="E136" s="81"/>
      <c r="F136" s="82"/>
    </row>
    <row r="137" spans="2:6" s="4" customFormat="1" ht="24.95" customHeight="1" x14ac:dyDescent="0.25">
      <c r="B137" s="66" t="s">
        <v>63</v>
      </c>
      <c r="C137" s="71" t="s">
        <v>310</v>
      </c>
      <c r="D137" s="54"/>
      <c r="E137" s="81"/>
      <c r="F137" s="82"/>
    </row>
    <row r="138" spans="2:6" s="4" customFormat="1" ht="24.95" customHeight="1" x14ac:dyDescent="0.25">
      <c r="B138" s="70" t="s">
        <v>89</v>
      </c>
      <c r="C138" s="71" t="s">
        <v>121</v>
      </c>
      <c r="D138" s="54"/>
      <c r="E138" s="81"/>
      <c r="F138" s="82"/>
    </row>
    <row r="139" spans="2:6" s="4" customFormat="1" ht="24.95" customHeight="1" x14ac:dyDescent="0.25">
      <c r="B139" s="70" t="s">
        <v>64</v>
      </c>
      <c r="C139" s="71" t="s">
        <v>122</v>
      </c>
      <c r="D139" s="54"/>
      <c r="E139" s="81"/>
      <c r="F139" s="82"/>
    </row>
    <row r="140" spans="2:6" s="4" customFormat="1" ht="24.95" customHeight="1" x14ac:dyDescent="0.25">
      <c r="B140" s="70" t="s">
        <v>65</v>
      </c>
      <c r="C140" s="71" t="s">
        <v>123</v>
      </c>
      <c r="D140" s="54"/>
      <c r="E140" s="81"/>
      <c r="F140" s="82"/>
    </row>
    <row r="141" spans="2:6" s="4" customFormat="1" ht="24.95" customHeight="1" x14ac:dyDescent="0.25">
      <c r="B141" s="70" t="s">
        <v>66</v>
      </c>
      <c r="C141" s="71" t="s">
        <v>124</v>
      </c>
      <c r="D141" s="54"/>
      <c r="E141" s="81"/>
      <c r="F141" s="82"/>
    </row>
    <row r="142" spans="2:6" s="4" customFormat="1" ht="24.95" customHeight="1" x14ac:dyDescent="0.25">
      <c r="B142" s="70" t="s">
        <v>67</v>
      </c>
      <c r="C142" s="71" t="s">
        <v>107</v>
      </c>
      <c r="D142" s="54"/>
      <c r="E142" s="81"/>
      <c r="F142" s="82"/>
    </row>
    <row r="143" spans="2:6" s="4" customFormat="1" ht="24.95" customHeight="1" x14ac:dyDescent="0.25">
      <c r="B143" s="70" t="s">
        <v>90</v>
      </c>
      <c r="C143" s="71" t="s">
        <v>125</v>
      </c>
      <c r="D143" s="54"/>
      <c r="E143" s="81"/>
      <c r="F143" s="82"/>
    </row>
    <row r="144" spans="2:6" s="4" customFormat="1" ht="24.95" customHeight="1" x14ac:dyDescent="0.25">
      <c r="B144" s="70" t="s">
        <v>91</v>
      </c>
      <c r="C144" s="71" t="s">
        <v>295</v>
      </c>
      <c r="D144" s="54"/>
      <c r="E144" s="81"/>
      <c r="F144" s="82"/>
    </row>
    <row r="145" spans="2:6" s="4" customFormat="1" ht="24.95" customHeight="1" x14ac:dyDescent="0.25">
      <c r="B145" s="70" t="s">
        <v>68</v>
      </c>
      <c r="C145" s="71" t="s">
        <v>126</v>
      </c>
      <c r="D145" s="54"/>
      <c r="E145" s="81"/>
      <c r="F145" s="82"/>
    </row>
    <row r="146" spans="2:6" s="4" customFormat="1" ht="24.95" customHeight="1" x14ac:dyDescent="0.25">
      <c r="B146" s="70" t="s">
        <v>92</v>
      </c>
      <c r="C146" s="71" t="s">
        <v>127</v>
      </c>
      <c r="D146" s="54"/>
      <c r="E146" s="81"/>
      <c r="F146" s="82"/>
    </row>
    <row r="147" spans="2:6" s="4" customFormat="1" ht="24.95" customHeight="1" x14ac:dyDescent="0.25">
      <c r="B147" s="70" t="s">
        <v>93</v>
      </c>
      <c r="C147" s="71" t="s">
        <v>128</v>
      </c>
      <c r="D147" s="54"/>
      <c r="E147" s="81"/>
      <c r="F147" s="82"/>
    </row>
    <row r="148" spans="2:6" s="4" customFormat="1" ht="24.95" customHeight="1" x14ac:dyDescent="0.25">
      <c r="B148" s="70" t="s">
        <v>94</v>
      </c>
      <c r="C148" s="71" t="s">
        <v>129</v>
      </c>
      <c r="D148" s="54"/>
      <c r="E148" s="81"/>
      <c r="F148" s="82"/>
    </row>
    <row r="149" spans="2:6" s="4" customFormat="1" ht="24.95" customHeight="1" x14ac:dyDescent="0.25">
      <c r="B149" s="70" t="s">
        <v>97</v>
      </c>
      <c r="C149" s="71" t="s">
        <v>130</v>
      </c>
      <c r="D149" s="54"/>
      <c r="E149" s="81"/>
      <c r="F149" s="82"/>
    </row>
    <row r="150" spans="2:6" s="4" customFormat="1" ht="24.95" customHeight="1" thickBot="1" x14ac:dyDescent="0.3">
      <c r="B150" s="67" t="s">
        <v>98</v>
      </c>
      <c r="C150" s="75" t="s">
        <v>115</v>
      </c>
      <c r="D150" s="55"/>
      <c r="E150" s="83"/>
      <c r="F150" s="84"/>
    </row>
    <row r="151" spans="2:6" s="3" customFormat="1" ht="5.0999999999999996" customHeight="1" x14ac:dyDescent="0.25">
      <c r="B151" s="5"/>
      <c r="C151" s="5"/>
      <c r="D151" s="7"/>
      <c r="E151" s="7"/>
      <c r="F151" s="26"/>
    </row>
    <row r="152" spans="2:6" s="2" customFormat="1" ht="20.100000000000001" customHeight="1" x14ac:dyDescent="0.25">
      <c r="B152" s="92" t="s">
        <v>48</v>
      </c>
      <c r="C152" s="92"/>
      <c r="D152" s="92"/>
      <c r="E152" s="92"/>
      <c r="F152" s="92"/>
    </row>
    <row r="153" spans="2:6" s="2" customFormat="1" ht="5.0999999999999996" customHeight="1" thickBot="1" x14ac:dyDescent="0.3">
      <c r="B153" s="15"/>
      <c r="D153" s="6"/>
      <c r="E153" s="6"/>
      <c r="F153" s="6"/>
    </row>
    <row r="154" spans="2:6" s="3" customFormat="1" ht="69" customHeight="1" x14ac:dyDescent="0.25">
      <c r="B154" s="98" t="s">
        <v>8</v>
      </c>
      <c r="C154" s="99"/>
      <c r="D154" s="115" t="s">
        <v>31</v>
      </c>
      <c r="E154" s="116"/>
      <c r="F154" s="117"/>
    </row>
    <row r="155" spans="2:6" s="3" customFormat="1" ht="30" customHeight="1" thickBot="1" x14ac:dyDescent="0.3">
      <c r="B155" s="100"/>
      <c r="C155" s="101"/>
      <c r="D155" s="24" t="s">
        <v>7</v>
      </c>
      <c r="E155" s="118" t="s">
        <v>32</v>
      </c>
      <c r="F155" s="119"/>
    </row>
    <row r="156" spans="2:6" s="2" customFormat="1" ht="30.75" customHeight="1" x14ac:dyDescent="0.25">
      <c r="B156" s="68" t="s">
        <v>16</v>
      </c>
      <c r="C156" s="27" t="s">
        <v>214</v>
      </c>
      <c r="D156" s="54"/>
      <c r="E156" s="79"/>
      <c r="F156" s="80"/>
    </row>
    <row r="157" spans="2:6" s="2" customFormat="1" ht="30.75" customHeight="1" x14ac:dyDescent="0.25">
      <c r="B157" s="68" t="s">
        <v>59</v>
      </c>
      <c r="C157" s="27" t="s">
        <v>215</v>
      </c>
      <c r="D157" s="54"/>
      <c r="E157" s="79"/>
      <c r="F157" s="80"/>
    </row>
    <row r="158" spans="2:6" s="2" customFormat="1" ht="42" customHeight="1" x14ac:dyDescent="0.25">
      <c r="B158" s="53" t="s">
        <v>87</v>
      </c>
      <c r="C158" s="27" t="s">
        <v>292</v>
      </c>
      <c r="D158" s="54"/>
      <c r="E158" s="79"/>
      <c r="F158" s="80"/>
    </row>
    <row r="159" spans="2:6" s="2" customFormat="1" ht="30.75" customHeight="1" x14ac:dyDescent="0.25">
      <c r="B159" s="53" t="s">
        <v>88</v>
      </c>
      <c r="C159" s="27" t="s">
        <v>216</v>
      </c>
      <c r="D159" s="54"/>
      <c r="E159" s="79"/>
      <c r="F159" s="80"/>
    </row>
    <row r="160" spans="2:6" s="2" customFormat="1" ht="30.75" customHeight="1" x14ac:dyDescent="0.25">
      <c r="B160" s="53" t="s">
        <v>218</v>
      </c>
      <c r="C160" s="27" t="s">
        <v>217</v>
      </c>
      <c r="D160" s="54"/>
      <c r="E160" s="79"/>
      <c r="F160" s="80"/>
    </row>
    <row r="161" spans="2:6" s="2" customFormat="1" ht="57.75" customHeight="1" x14ac:dyDescent="0.25">
      <c r="B161" s="53" t="s">
        <v>219</v>
      </c>
      <c r="C161" s="27" t="s">
        <v>222</v>
      </c>
      <c r="D161" s="54"/>
      <c r="E161" s="79"/>
      <c r="F161" s="80"/>
    </row>
    <row r="162" spans="2:6" s="2" customFormat="1" ht="30.75" customHeight="1" x14ac:dyDescent="0.25">
      <c r="B162" s="53" t="s">
        <v>220</v>
      </c>
      <c r="C162" s="27" t="s">
        <v>223</v>
      </c>
      <c r="D162" s="54"/>
      <c r="E162" s="79"/>
      <c r="F162" s="80"/>
    </row>
    <row r="163" spans="2:6" s="2" customFormat="1" ht="141" customHeight="1" x14ac:dyDescent="0.25">
      <c r="B163" s="53" t="s">
        <v>221</v>
      </c>
      <c r="C163" s="27" t="s">
        <v>224</v>
      </c>
      <c r="D163" s="54"/>
      <c r="E163" s="79"/>
      <c r="F163" s="80"/>
    </row>
    <row r="164" spans="2:6" s="2" customFormat="1" ht="97.5" customHeight="1" x14ac:dyDescent="0.25">
      <c r="B164" s="53" t="s">
        <v>225</v>
      </c>
      <c r="C164" s="27" t="s">
        <v>226</v>
      </c>
      <c r="D164" s="54"/>
      <c r="E164" s="79"/>
      <c r="F164" s="80"/>
    </row>
    <row r="165" spans="2:6" s="2" customFormat="1" ht="30.75" customHeight="1" x14ac:dyDescent="0.25">
      <c r="B165" s="68" t="s">
        <v>60</v>
      </c>
      <c r="C165" s="27" t="s">
        <v>227</v>
      </c>
      <c r="D165" s="54"/>
      <c r="E165" s="79"/>
      <c r="F165" s="80"/>
    </row>
    <row r="166" spans="2:6" s="2" customFormat="1" ht="96.75" customHeight="1" x14ac:dyDescent="0.25">
      <c r="B166" s="68" t="s">
        <v>61</v>
      </c>
      <c r="C166" s="27" t="s">
        <v>228</v>
      </c>
      <c r="D166" s="54"/>
      <c r="E166" s="79"/>
      <c r="F166" s="80"/>
    </row>
    <row r="167" spans="2:6" s="2" customFormat="1" ht="45" customHeight="1" x14ac:dyDescent="0.25">
      <c r="B167" s="68" t="s">
        <v>62</v>
      </c>
      <c r="C167" s="27" t="s">
        <v>234</v>
      </c>
      <c r="D167" s="54"/>
      <c r="E167" s="79"/>
      <c r="F167" s="80"/>
    </row>
    <row r="168" spans="2:6" s="2" customFormat="1" ht="30.75" customHeight="1" x14ac:dyDescent="0.25">
      <c r="B168" s="53" t="s">
        <v>229</v>
      </c>
      <c r="C168" s="27" t="s">
        <v>235</v>
      </c>
      <c r="D168" s="54"/>
      <c r="E168" s="79"/>
      <c r="F168" s="80"/>
    </row>
    <row r="169" spans="2:6" s="2" customFormat="1" ht="30.75" customHeight="1" x14ac:dyDescent="0.25">
      <c r="B169" s="53" t="s">
        <v>230</v>
      </c>
      <c r="C169" s="27" t="s">
        <v>236</v>
      </c>
      <c r="D169" s="54"/>
      <c r="E169" s="79"/>
      <c r="F169" s="80"/>
    </row>
    <row r="170" spans="2:6" s="2" customFormat="1" ht="30.75" customHeight="1" x14ac:dyDescent="0.25">
      <c r="B170" s="53" t="s">
        <v>231</v>
      </c>
      <c r="C170" s="27" t="s">
        <v>237</v>
      </c>
      <c r="D170" s="54"/>
      <c r="E170" s="79"/>
      <c r="F170" s="80"/>
    </row>
    <row r="171" spans="2:6" s="2" customFormat="1" ht="30.75" customHeight="1" x14ac:dyDescent="0.25">
      <c r="B171" s="53" t="s">
        <v>232</v>
      </c>
      <c r="C171" s="27" t="s">
        <v>238</v>
      </c>
      <c r="D171" s="54"/>
      <c r="E171" s="79"/>
      <c r="F171" s="80"/>
    </row>
    <row r="172" spans="2:6" s="2" customFormat="1" ht="30.75" customHeight="1" x14ac:dyDescent="0.25">
      <c r="B172" s="53" t="s">
        <v>233</v>
      </c>
      <c r="C172" s="27" t="s">
        <v>239</v>
      </c>
      <c r="D172" s="54"/>
      <c r="E172" s="79"/>
      <c r="F172" s="80"/>
    </row>
    <row r="173" spans="2:6" s="2" customFormat="1" ht="103.5" customHeight="1" x14ac:dyDescent="0.25">
      <c r="B173" s="68" t="s">
        <v>63</v>
      </c>
      <c r="C173" s="27" t="s">
        <v>240</v>
      </c>
      <c r="D173" s="54"/>
      <c r="E173" s="79"/>
      <c r="F173" s="80"/>
    </row>
    <row r="174" spans="2:6" s="2" customFormat="1" ht="99" customHeight="1" x14ac:dyDescent="0.25">
      <c r="B174" s="68" t="s">
        <v>89</v>
      </c>
      <c r="C174" s="27" t="s">
        <v>241</v>
      </c>
      <c r="D174" s="54"/>
      <c r="E174" s="79"/>
      <c r="F174" s="80"/>
    </row>
    <row r="175" spans="2:6" s="2" customFormat="1" ht="48.75" customHeight="1" x14ac:dyDescent="0.25">
      <c r="B175" s="68" t="s">
        <v>64</v>
      </c>
      <c r="C175" s="27" t="s">
        <v>242</v>
      </c>
      <c r="D175" s="54"/>
      <c r="E175" s="79"/>
      <c r="F175" s="80"/>
    </row>
    <row r="176" spans="2:6" s="2" customFormat="1" ht="114" customHeight="1" x14ac:dyDescent="0.25">
      <c r="B176" s="68" t="s">
        <v>65</v>
      </c>
      <c r="C176" s="27" t="s">
        <v>243</v>
      </c>
      <c r="D176" s="54"/>
      <c r="E176" s="79"/>
      <c r="F176" s="80"/>
    </row>
    <row r="177" spans="2:6" s="2" customFormat="1" ht="200.25" customHeight="1" x14ac:dyDescent="0.25">
      <c r="B177" s="68" t="s">
        <v>66</v>
      </c>
      <c r="C177" s="27" t="s">
        <v>244</v>
      </c>
      <c r="D177" s="54"/>
      <c r="E177" s="79"/>
      <c r="F177" s="80"/>
    </row>
    <row r="178" spans="2:6" s="2" customFormat="1" ht="46.5" customHeight="1" x14ac:dyDescent="0.25">
      <c r="B178" s="53" t="s">
        <v>245</v>
      </c>
      <c r="C178" s="27" t="s">
        <v>247</v>
      </c>
      <c r="D178" s="54"/>
      <c r="E178" s="79"/>
      <c r="F178" s="80"/>
    </row>
    <row r="179" spans="2:6" s="2" customFormat="1" ht="30.75" customHeight="1" x14ac:dyDescent="0.25">
      <c r="B179" s="53" t="s">
        <v>246</v>
      </c>
      <c r="C179" s="27" t="s">
        <v>248</v>
      </c>
      <c r="D179" s="54"/>
      <c r="E179" s="79"/>
      <c r="F179" s="80"/>
    </row>
    <row r="180" spans="2:6" s="2" customFormat="1" ht="127.5" customHeight="1" x14ac:dyDescent="0.25">
      <c r="B180" s="68" t="s">
        <v>67</v>
      </c>
      <c r="C180" s="27" t="s">
        <v>249</v>
      </c>
      <c r="D180" s="54"/>
      <c r="E180" s="79"/>
      <c r="F180" s="80"/>
    </row>
    <row r="181" spans="2:6" s="2" customFormat="1" ht="93.75" customHeight="1" x14ac:dyDescent="0.25">
      <c r="B181" s="68" t="s">
        <v>90</v>
      </c>
      <c r="C181" s="27" t="s">
        <v>250</v>
      </c>
      <c r="D181" s="54"/>
      <c r="E181" s="79"/>
      <c r="F181" s="80"/>
    </row>
    <row r="182" spans="2:6" s="2" customFormat="1" ht="30.75" customHeight="1" x14ac:dyDescent="0.25">
      <c r="B182" s="53" t="s">
        <v>252</v>
      </c>
      <c r="C182" s="27" t="s">
        <v>251</v>
      </c>
      <c r="D182" s="54"/>
      <c r="E182" s="79"/>
      <c r="F182" s="80"/>
    </row>
    <row r="183" spans="2:6" s="2" customFormat="1" ht="44.25" customHeight="1" x14ac:dyDescent="0.25">
      <c r="B183" s="53" t="s">
        <v>255</v>
      </c>
      <c r="C183" s="27" t="s">
        <v>253</v>
      </c>
      <c r="D183" s="54"/>
      <c r="E183" s="79"/>
      <c r="F183" s="80"/>
    </row>
    <row r="184" spans="2:6" s="2" customFormat="1" ht="70.5" customHeight="1" x14ac:dyDescent="0.25">
      <c r="B184" s="53" t="s">
        <v>256</v>
      </c>
      <c r="C184" s="27" t="s">
        <v>254</v>
      </c>
      <c r="D184" s="54"/>
      <c r="E184" s="79"/>
      <c r="F184" s="80"/>
    </row>
    <row r="185" spans="2:6" s="2" customFormat="1" ht="40.5" customHeight="1" x14ac:dyDescent="0.25">
      <c r="B185" s="53" t="s">
        <v>258</v>
      </c>
      <c r="C185" s="27" t="s">
        <v>257</v>
      </c>
      <c r="D185" s="54"/>
      <c r="E185" s="79"/>
      <c r="F185" s="80"/>
    </row>
    <row r="186" spans="2:6" s="2" customFormat="1" ht="39.75" customHeight="1" x14ac:dyDescent="0.25">
      <c r="B186" s="53" t="s">
        <v>259</v>
      </c>
      <c r="C186" s="27" t="s">
        <v>262</v>
      </c>
      <c r="D186" s="54"/>
      <c r="E186" s="79"/>
      <c r="F186" s="80"/>
    </row>
    <row r="187" spans="2:6" s="2" customFormat="1" ht="70.5" customHeight="1" x14ac:dyDescent="0.25">
      <c r="B187" s="53" t="s">
        <v>260</v>
      </c>
      <c r="C187" s="27" t="s">
        <v>263</v>
      </c>
      <c r="D187" s="54"/>
      <c r="E187" s="79"/>
      <c r="F187" s="80"/>
    </row>
    <row r="188" spans="2:6" s="2" customFormat="1" ht="30.75" customHeight="1" x14ac:dyDescent="0.25">
      <c r="B188" s="53" t="s">
        <v>261</v>
      </c>
      <c r="C188" s="27" t="s">
        <v>264</v>
      </c>
      <c r="D188" s="54"/>
      <c r="E188" s="79"/>
      <c r="F188" s="80"/>
    </row>
    <row r="189" spans="2:6" s="2" customFormat="1" ht="30.75" customHeight="1" x14ac:dyDescent="0.25">
      <c r="B189" s="53" t="s">
        <v>268</v>
      </c>
      <c r="C189" s="27" t="s">
        <v>265</v>
      </c>
      <c r="D189" s="54"/>
      <c r="E189" s="79"/>
      <c r="F189" s="80"/>
    </row>
    <row r="190" spans="2:6" s="2" customFormat="1" ht="45" customHeight="1" x14ac:dyDescent="0.25">
      <c r="B190" s="53" t="s">
        <v>269</v>
      </c>
      <c r="C190" s="27" t="s">
        <v>266</v>
      </c>
      <c r="D190" s="54"/>
      <c r="E190" s="79"/>
      <c r="F190" s="80"/>
    </row>
    <row r="191" spans="2:6" s="2" customFormat="1" ht="53.25" customHeight="1" x14ac:dyDescent="0.25">
      <c r="B191" s="53" t="s">
        <v>270</v>
      </c>
      <c r="C191" s="27" t="s">
        <v>267</v>
      </c>
      <c r="D191" s="54"/>
      <c r="E191" s="79"/>
      <c r="F191" s="80"/>
    </row>
    <row r="192" spans="2:6" s="2" customFormat="1" ht="142.5" customHeight="1" x14ac:dyDescent="0.25">
      <c r="B192" s="68" t="s">
        <v>91</v>
      </c>
      <c r="C192" s="27" t="s">
        <v>271</v>
      </c>
      <c r="D192" s="54"/>
      <c r="E192" s="79"/>
      <c r="F192" s="80"/>
    </row>
    <row r="193" spans="2:6" s="2" customFormat="1" ht="134.25" customHeight="1" x14ac:dyDescent="0.25">
      <c r="B193" s="68" t="s">
        <v>68</v>
      </c>
      <c r="C193" s="27" t="s">
        <v>272</v>
      </c>
      <c r="D193" s="54"/>
      <c r="E193" s="79"/>
      <c r="F193" s="80"/>
    </row>
    <row r="194" spans="2:6" s="2" customFormat="1" ht="55.5" customHeight="1" x14ac:dyDescent="0.25">
      <c r="B194" s="68" t="s">
        <v>92</v>
      </c>
      <c r="C194" s="27" t="s">
        <v>273</v>
      </c>
      <c r="D194" s="54"/>
      <c r="E194" s="79"/>
      <c r="F194" s="80"/>
    </row>
    <row r="195" spans="2:6" s="2" customFormat="1" ht="81.75" customHeight="1" x14ac:dyDescent="0.25">
      <c r="B195" s="53" t="s">
        <v>147</v>
      </c>
      <c r="C195" s="27" t="s">
        <v>274</v>
      </c>
      <c r="D195" s="54"/>
      <c r="E195" s="79"/>
      <c r="F195" s="80"/>
    </row>
    <row r="196" spans="2:6" s="2" customFormat="1" ht="30.75" customHeight="1" x14ac:dyDescent="0.25">
      <c r="B196" s="53" t="s">
        <v>93</v>
      </c>
      <c r="C196" s="27" t="s">
        <v>275</v>
      </c>
      <c r="D196" s="54"/>
      <c r="E196" s="79"/>
      <c r="F196" s="80"/>
    </row>
    <row r="197" spans="2:6" s="2" customFormat="1" ht="30.75" customHeight="1" x14ac:dyDescent="0.25">
      <c r="B197" s="53" t="s">
        <v>178</v>
      </c>
      <c r="C197" s="27" t="s">
        <v>277</v>
      </c>
      <c r="D197" s="54"/>
      <c r="E197" s="79"/>
      <c r="F197" s="80"/>
    </row>
    <row r="198" spans="2:6" s="2" customFormat="1" ht="30.75" customHeight="1" x14ac:dyDescent="0.25">
      <c r="B198" s="53" t="s">
        <v>179</v>
      </c>
      <c r="C198" s="27" t="s">
        <v>276</v>
      </c>
      <c r="D198" s="54"/>
      <c r="E198" s="79"/>
      <c r="F198" s="80"/>
    </row>
    <row r="199" spans="2:6" s="2" customFormat="1" ht="73.5" customHeight="1" x14ac:dyDescent="0.25">
      <c r="B199" s="68" t="s">
        <v>94</v>
      </c>
      <c r="C199" s="27" t="s">
        <v>278</v>
      </c>
      <c r="D199" s="54"/>
      <c r="E199" s="79"/>
      <c r="F199" s="80"/>
    </row>
    <row r="200" spans="2:6" s="2" customFormat="1" ht="56.25" customHeight="1" x14ac:dyDescent="0.25">
      <c r="B200" s="53" t="s">
        <v>95</v>
      </c>
      <c r="C200" s="27" t="s">
        <v>279</v>
      </c>
      <c r="D200" s="54"/>
      <c r="E200" s="79"/>
      <c r="F200" s="80"/>
    </row>
    <row r="201" spans="2:6" s="2" customFormat="1" ht="41.25" customHeight="1" x14ac:dyDescent="0.25">
      <c r="B201" s="53" t="s">
        <v>96</v>
      </c>
      <c r="C201" s="27" t="s">
        <v>280</v>
      </c>
      <c r="D201" s="54"/>
      <c r="E201" s="79"/>
      <c r="F201" s="80"/>
    </row>
    <row r="202" spans="2:6" s="2" customFormat="1" ht="42" customHeight="1" x14ac:dyDescent="0.25">
      <c r="B202" s="68" t="s">
        <v>97</v>
      </c>
      <c r="C202" s="27" t="s">
        <v>281</v>
      </c>
      <c r="D202" s="54"/>
      <c r="E202" s="79"/>
      <c r="F202" s="80"/>
    </row>
    <row r="203" spans="2:6" s="2" customFormat="1" ht="177.75" customHeight="1" x14ac:dyDescent="0.25">
      <c r="B203" s="68" t="s">
        <v>98</v>
      </c>
      <c r="C203" s="27" t="s">
        <v>293</v>
      </c>
      <c r="D203" s="54"/>
      <c r="E203" s="79"/>
      <c r="F203" s="80"/>
    </row>
    <row r="204" spans="2:6" s="2" customFormat="1" ht="73.5" customHeight="1" x14ac:dyDescent="0.25">
      <c r="B204" s="68" t="s">
        <v>99</v>
      </c>
      <c r="C204" s="27" t="s">
        <v>282</v>
      </c>
      <c r="D204" s="54"/>
      <c r="E204" s="79"/>
      <c r="F204" s="80"/>
    </row>
    <row r="205" spans="2:6" s="2" customFormat="1" ht="110.25" customHeight="1" x14ac:dyDescent="0.25">
      <c r="B205" s="68" t="s">
        <v>100</v>
      </c>
      <c r="C205" s="27" t="s">
        <v>284</v>
      </c>
      <c r="D205" s="54"/>
      <c r="E205" s="79"/>
      <c r="F205" s="80"/>
    </row>
    <row r="206" spans="2:6" s="2" customFormat="1" ht="81" customHeight="1" x14ac:dyDescent="0.25">
      <c r="B206" s="53" t="s">
        <v>283</v>
      </c>
      <c r="C206" s="27" t="s">
        <v>285</v>
      </c>
      <c r="D206" s="54"/>
      <c r="E206" s="79"/>
      <c r="F206" s="80"/>
    </row>
    <row r="207" spans="2:6" s="2" customFormat="1" ht="30.75" customHeight="1" x14ac:dyDescent="0.25">
      <c r="B207" s="68" t="s">
        <v>101</v>
      </c>
      <c r="C207" s="27" t="s">
        <v>286</v>
      </c>
      <c r="D207" s="54"/>
      <c r="E207" s="79"/>
      <c r="F207" s="80"/>
    </row>
    <row r="208" spans="2:6" s="2" customFormat="1" ht="81.75" customHeight="1" x14ac:dyDescent="0.25">
      <c r="B208" s="68" t="s">
        <v>102</v>
      </c>
      <c r="C208" s="27" t="s">
        <v>287</v>
      </c>
      <c r="D208" s="54"/>
      <c r="E208" s="79"/>
      <c r="F208" s="80"/>
    </row>
    <row r="209" spans="2:7" s="2" customFormat="1" ht="206.25" customHeight="1" x14ac:dyDescent="0.25">
      <c r="B209" s="68" t="s">
        <v>288</v>
      </c>
      <c r="C209" s="27" t="s">
        <v>289</v>
      </c>
      <c r="D209" s="54"/>
      <c r="E209" s="79"/>
      <c r="F209" s="80"/>
    </row>
    <row r="210" spans="2:7" s="2" customFormat="1" ht="87.75" customHeight="1" thickBot="1" x14ac:dyDescent="0.3">
      <c r="B210" s="69" t="s">
        <v>291</v>
      </c>
      <c r="C210" s="46" t="s">
        <v>290</v>
      </c>
      <c r="D210" s="55"/>
      <c r="E210" s="77"/>
      <c r="F210" s="78"/>
    </row>
    <row r="211" spans="2:7" s="3" customFormat="1" ht="5.0999999999999996" customHeight="1" x14ac:dyDescent="0.25">
      <c r="B211" s="5"/>
      <c r="C211" s="5"/>
      <c r="D211" s="7"/>
      <c r="E211" s="7"/>
      <c r="F211" s="26"/>
      <c r="G211" s="2"/>
    </row>
    <row r="212" spans="2:7" s="2" customFormat="1" ht="20.100000000000001" customHeight="1" x14ac:dyDescent="0.25">
      <c r="B212" s="92" t="s">
        <v>55</v>
      </c>
      <c r="C212" s="92"/>
      <c r="D212" s="92"/>
      <c r="E212" s="92"/>
      <c r="F212" s="92"/>
    </row>
    <row r="213" spans="2:7" s="2" customFormat="1" ht="4.5" customHeight="1" thickBot="1" x14ac:dyDescent="0.3"/>
    <row r="214" spans="2:7" s="2" customFormat="1" ht="80.25" customHeight="1" x14ac:dyDescent="0.25">
      <c r="B214" s="98" t="s">
        <v>56</v>
      </c>
      <c r="C214" s="99"/>
      <c r="D214" s="115" t="s">
        <v>57</v>
      </c>
      <c r="E214" s="116"/>
      <c r="F214" s="117"/>
    </row>
    <row r="215" spans="2:7" s="3" customFormat="1" ht="29.25" customHeight="1" thickBot="1" x14ac:dyDescent="0.3">
      <c r="B215" s="100"/>
      <c r="C215" s="101"/>
      <c r="D215" s="24" t="s">
        <v>7</v>
      </c>
      <c r="E215" s="118" t="s">
        <v>32</v>
      </c>
      <c r="F215" s="119"/>
      <c r="G215" s="2"/>
    </row>
    <row r="216" spans="2:7" s="3" customFormat="1" ht="27" customHeight="1" x14ac:dyDescent="0.25">
      <c r="B216" s="58" t="s">
        <v>16</v>
      </c>
      <c r="C216" s="59" t="s">
        <v>72</v>
      </c>
      <c r="D216" s="60"/>
      <c r="E216" s="113"/>
      <c r="F216" s="114"/>
      <c r="G216" s="2"/>
    </row>
    <row r="217" spans="2:7" s="3" customFormat="1" ht="30.75" customHeight="1" thickBot="1" x14ac:dyDescent="0.3">
      <c r="B217" s="61" t="s">
        <v>59</v>
      </c>
      <c r="C217" s="76" t="s">
        <v>58</v>
      </c>
      <c r="D217" s="62"/>
      <c r="E217" s="77"/>
      <c r="F217" s="78"/>
      <c r="G217" s="2"/>
    </row>
    <row r="218" spans="2:7" s="2" customFormat="1" ht="5.0999999999999996" customHeight="1" x14ac:dyDescent="0.25">
      <c r="B218" s="5"/>
      <c r="C218" s="5"/>
      <c r="D218" s="7"/>
      <c r="E218" s="7"/>
      <c r="F218" s="26"/>
    </row>
    <row r="219" spans="2:7" s="2" customFormat="1" ht="20.100000000000001" customHeight="1" x14ac:dyDescent="0.25">
      <c r="B219" s="92" t="s">
        <v>15</v>
      </c>
      <c r="C219" s="92"/>
      <c r="D219" s="92"/>
      <c r="E219" s="92"/>
      <c r="F219" s="92"/>
    </row>
    <row r="220" spans="2:7" s="3" customFormat="1" ht="30" customHeight="1" x14ac:dyDescent="0.25">
      <c r="B220" s="5" t="s">
        <v>17</v>
      </c>
      <c r="C220" s="106" t="s">
        <v>49</v>
      </c>
      <c r="D220" s="106"/>
      <c r="E220" s="106"/>
      <c r="F220" s="106"/>
      <c r="G220" s="2"/>
    </row>
    <row r="221" spans="2:7" s="29" customFormat="1" ht="30" customHeight="1" x14ac:dyDescent="0.25">
      <c r="B221" s="5" t="s">
        <v>33</v>
      </c>
      <c r="C221" s="106" t="s">
        <v>34</v>
      </c>
      <c r="D221" s="106"/>
      <c r="E221" s="106"/>
      <c r="F221" s="106"/>
      <c r="G221" s="2"/>
    </row>
    <row r="222" spans="2:7" s="29" customFormat="1" ht="30" customHeight="1" x14ac:dyDescent="0.25">
      <c r="B222" s="107" t="s">
        <v>35</v>
      </c>
      <c r="C222" s="107"/>
      <c r="D222" s="107"/>
      <c r="E222" s="107"/>
      <c r="F222" s="3"/>
      <c r="G222" s="2"/>
    </row>
    <row r="223" spans="2:7" s="2" customFormat="1" ht="24.95" customHeight="1" x14ac:dyDescent="0.25">
      <c r="B223" s="28" t="s">
        <v>36</v>
      </c>
      <c r="C223" s="104"/>
      <c r="D223" s="104"/>
      <c r="F223" s="29"/>
    </row>
    <row r="224" spans="2:7" s="2" customFormat="1" ht="24.95" customHeight="1" x14ac:dyDescent="0.25">
      <c r="B224" s="28" t="s">
        <v>37</v>
      </c>
      <c r="C224" s="104"/>
      <c r="D224" s="104"/>
      <c r="F224" s="29"/>
    </row>
    <row r="225" spans="2:7" s="2" customFormat="1" ht="24.95" customHeight="1" x14ac:dyDescent="0.25">
      <c r="B225" s="28" t="s">
        <v>38</v>
      </c>
      <c r="C225" s="104"/>
      <c r="D225" s="104"/>
      <c r="F225" s="29"/>
    </row>
    <row r="226" spans="2:7" s="3" customFormat="1" ht="24.95" customHeight="1" x14ac:dyDescent="0.25">
      <c r="B226" s="28" t="s">
        <v>39</v>
      </c>
      <c r="C226" s="104"/>
      <c r="D226" s="104"/>
      <c r="E226" s="2"/>
      <c r="F226" s="30"/>
      <c r="G226" s="2"/>
    </row>
    <row r="227" spans="2:7" s="2" customFormat="1" ht="14.25" customHeight="1" x14ac:dyDescent="0.2">
      <c r="B227" s="11"/>
      <c r="C227" s="12"/>
      <c r="D227" s="12"/>
      <c r="F227" s="31"/>
    </row>
    <row r="228" spans="2:7" s="3" customFormat="1" ht="15" customHeight="1" x14ac:dyDescent="0.25">
      <c r="B228" s="108" t="s">
        <v>40</v>
      </c>
      <c r="C228" s="108"/>
      <c r="D228" s="108"/>
      <c r="E228" s="108"/>
      <c r="F228" s="108"/>
    </row>
    <row r="229" spans="2:7" s="2" customFormat="1" ht="36.75" customHeight="1" x14ac:dyDescent="0.25">
      <c r="B229" s="105" t="s">
        <v>52</v>
      </c>
      <c r="C229" s="105"/>
      <c r="D229" s="105"/>
      <c r="E229" s="105"/>
      <c r="F229" s="105"/>
    </row>
    <row r="230" spans="2:7" s="2" customFormat="1" ht="20.100000000000001" customHeight="1" x14ac:dyDescent="0.2">
      <c r="B230" s="1"/>
      <c r="C230" s="1"/>
      <c r="D230" s="8"/>
      <c r="E230" s="8"/>
    </row>
    <row r="231" spans="2:7" s="3" customFormat="1" ht="4.5" customHeight="1" x14ac:dyDescent="0.2">
      <c r="B231" s="1"/>
      <c r="C231" s="1"/>
      <c r="D231" s="8"/>
      <c r="E231" s="8"/>
      <c r="F231" s="2"/>
    </row>
    <row r="232" spans="2:7" s="3" customFormat="1" ht="20.100000000000001" customHeight="1" x14ac:dyDescent="0.25">
      <c r="B232" s="32" t="s">
        <v>41</v>
      </c>
      <c r="C232" s="33"/>
      <c r="D232" s="34" t="s">
        <v>42</v>
      </c>
      <c r="E232" s="102"/>
      <c r="F232" s="102"/>
    </row>
    <row r="233" spans="2:7" s="3" customFormat="1" ht="20.100000000000001" customHeight="1" x14ac:dyDescent="0.25">
      <c r="B233" s="35"/>
      <c r="C233" s="35"/>
      <c r="D233" s="35"/>
      <c r="E233" s="36"/>
      <c r="F233" s="36"/>
    </row>
    <row r="234" spans="2:7" ht="20.100000000000001" customHeight="1" x14ac:dyDescent="0.2">
      <c r="B234" s="32" t="s">
        <v>43</v>
      </c>
      <c r="C234" s="33"/>
      <c r="D234" s="37" t="s">
        <v>44</v>
      </c>
      <c r="E234" s="103"/>
      <c r="F234" s="103"/>
    </row>
    <row r="235" spans="2:7" s="2" customFormat="1" ht="20.100000000000001" customHeight="1" x14ac:dyDescent="0.2">
      <c r="B235" s="1"/>
      <c r="C235" s="1"/>
      <c r="D235" s="37" t="s">
        <v>45</v>
      </c>
      <c r="E235" s="104"/>
      <c r="F235" s="104"/>
    </row>
    <row r="236" spans="2:7" s="2" customFormat="1" ht="20.100000000000001" customHeight="1" x14ac:dyDescent="0.2">
      <c r="B236" s="1"/>
      <c r="C236" s="1"/>
      <c r="D236" s="38" t="s">
        <v>46</v>
      </c>
      <c r="E236" s="1"/>
    </row>
    <row r="237" spans="2:7" s="2" customFormat="1" ht="37.5" customHeight="1" x14ac:dyDescent="0.25"/>
    <row r="238" spans="2:7" s="2" customFormat="1" ht="24" customHeight="1" x14ac:dyDescent="0.25"/>
    <row r="239" spans="2:7" s="2" customFormat="1" ht="24" customHeight="1" x14ac:dyDescent="0.25"/>
    <row r="240" spans="2:7" s="2" customFormat="1" ht="24" customHeight="1" x14ac:dyDescent="0.25"/>
    <row r="241" spans="2:5" s="2" customFormat="1" ht="20.100000000000001" customHeight="1" x14ac:dyDescent="0.25"/>
    <row r="242" spans="2:5" s="2" customFormat="1" ht="20.100000000000001" customHeight="1" x14ac:dyDescent="0.25"/>
    <row r="243" spans="2:5" s="2" customFormat="1" ht="50.1" customHeight="1" x14ac:dyDescent="0.25"/>
    <row r="244" spans="2:5" s="2" customFormat="1" ht="43.5" customHeight="1" x14ac:dyDescent="0.25"/>
    <row r="245" spans="2:5" ht="24.75" customHeight="1" x14ac:dyDescent="0.2">
      <c r="B245" s="2"/>
      <c r="C245" s="2"/>
      <c r="D245" s="2"/>
      <c r="E245" s="2"/>
    </row>
    <row r="246" spans="2:5" x14ac:dyDescent="0.2">
      <c r="B246" s="2"/>
      <c r="C246" s="2"/>
      <c r="D246" s="2"/>
      <c r="E246" s="2"/>
    </row>
    <row r="247" spans="2:5" ht="20.100000000000001" customHeight="1" x14ac:dyDescent="0.2"/>
    <row r="248" spans="2:5" ht="4.5" customHeight="1" x14ac:dyDescent="0.2"/>
    <row r="249" spans="2:5" ht="20.100000000000001" customHeight="1" x14ac:dyDescent="0.2"/>
    <row r="250" spans="2:5" ht="20.100000000000001" customHeight="1" x14ac:dyDescent="0.2"/>
    <row r="251" spans="2:5" ht="20.100000000000001" customHeight="1" x14ac:dyDescent="0.2"/>
  </sheetData>
  <mergeCells count="216">
    <mergeCell ref="E74:F74"/>
    <mergeCell ref="E75:F75"/>
    <mergeCell ref="E76:F76"/>
    <mergeCell ref="E91:F91"/>
    <mergeCell ref="E92:F92"/>
    <mergeCell ref="E86:F86"/>
    <mergeCell ref="E87:F87"/>
    <mergeCell ref="E88:F88"/>
    <mergeCell ref="E89:F89"/>
    <mergeCell ref="E90:F90"/>
    <mergeCell ref="E77:F77"/>
    <mergeCell ref="E78:F78"/>
    <mergeCell ref="E79:F79"/>
    <mergeCell ref="E80:F80"/>
    <mergeCell ref="E81:F81"/>
    <mergeCell ref="E82:F82"/>
    <mergeCell ref="E83:F83"/>
    <mergeCell ref="E84:F84"/>
    <mergeCell ref="E85:F85"/>
    <mergeCell ref="B23:D23"/>
    <mergeCell ref="B15:D15"/>
    <mergeCell ref="E57:F57"/>
    <mergeCell ref="E58:F58"/>
    <mergeCell ref="E50:F50"/>
    <mergeCell ref="E51:F51"/>
    <mergeCell ref="E53:F53"/>
    <mergeCell ref="E54:F54"/>
    <mergeCell ref="D42:F42"/>
    <mergeCell ref="E43:F43"/>
    <mergeCell ref="B25:F25"/>
    <mergeCell ref="C30:D30"/>
    <mergeCell ref="B36:C36"/>
    <mergeCell ref="E217:F217"/>
    <mergeCell ref="B212:F212"/>
    <mergeCell ref="B214:C215"/>
    <mergeCell ref="D214:F214"/>
    <mergeCell ref="E215:F215"/>
    <mergeCell ref="E55:F55"/>
    <mergeCell ref="E56:F56"/>
    <mergeCell ref="E157:F157"/>
    <mergeCell ref="E59:F59"/>
    <mergeCell ref="E60:F60"/>
    <mergeCell ref="E61:F61"/>
    <mergeCell ref="E62:F62"/>
    <mergeCell ref="E67:F67"/>
    <mergeCell ref="E63:F63"/>
    <mergeCell ref="E64:F64"/>
    <mergeCell ref="E65:F65"/>
    <mergeCell ref="E66:F66"/>
    <mergeCell ref="E68:F68"/>
    <mergeCell ref="E69:F69"/>
    <mergeCell ref="E93:F93"/>
    <mergeCell ref="E70:F70"/>
    <mergeCell ref="E71:F71"/>
    <mergeCell ref="E72:F72"/>
    <mergeCell ref="E73:F73"/>
    <mergeCell ref="B2:F2"/>
    <mergeCell ref="B1:F1"/>
    <mergeCell ref="B26:C26"/>
    <mergeCell ref="B29:C29"/>
    <mergeCell ref="E216:F216"/>
    <mergeCell ref="E159:F159"/>
    <mergeCell ref="E160:F160"/>
    <mergeCell ref="E161:F161"/>
    <mergeCell ref="E162:F162"/>
    <mergeCell ref="E163:F163"/>
    <mergeCell ref="E164:F164"/>
    <mergeCell ref="E165:F165"/>
    <mergeCell ref="E158:F158"/>
    <mergeCell ref="E95:F95"/>
    <mergeCell ref="B152:F152"/>
    <mergeCell ref="B154:C155"/>
    <mergeCell ref="D154:F154"/>
    <mergeCell ref="E155:F155"/>
    <mergeCell ref="E96:F96"/>
    <mergeCell ref="E52:F52"/>
    <mergeCell ref="B24:F24"/>
    <mergeCell ref="B19:D19"/>
    <mergeCell ref="B20:D20"/>
    <mergeCell ref="B21:F21"/>
    <mergeCell ref="E232:F232"/>
    <mergeCell ref="E234:F234"/>
    <mergeCell ref="E235:F235"/>
    <mergeCell ref="B229:F229"/>
    <mergeCell ref="B219:F219"/>
    <mergeCell ref="C220:F220"/>
    <mergeCell ref="C221:F221"/>
    <mergeCell ref="B222:E222"/>
    <mergeCell ref="B228:F228"/>
    <mergeCell ref="C223:D223"/>
    <mergeCell ref="C224:D224"/>
    <mergeCell ref="C225:D225"/>
    <mergeCell ref="C226:D226"/>
    <mergeCell ref="B3:F3"/>
    <mergeCell ref="B7:F7"/>
    <mergeCell ref="B8:F8"/>
    <mergeCell ref="B9:F9"/>
    <mergeCell ref="B11:F11"/>
    <mergeCell ref="B12:D12"/>
    <mergeCell ref="E156:F156"/>
    <mergeCell ref="E46:F46"/>
    <mergeCell ref="B44:F44"/>
    <mergeCell ref="E45:F45"/>
    <mergeCell ref="E97:F97"/>
    <mergeCell ref="E110:F110"/>
    <mergeCell ref="C34:D34"/>
    <mergeCell ref="B94:F94"/>
    <mergeCell ref="E111:F111"/>
    <mergeCell ref="C31:D31"/>
    <mergeCell ref="B16:D16"/>
    <mergeCell ref="B40:F40"/>
    <mergeCell ref="B42:C43"/>
    <mergeCell ref="B14:D14"/>
    <mergeCell ref="E47:F47"/>
    <mergeCell ref="E48:F48"/>
    <mergeCell ref="E49:F49"/>
    <mergeCell ref="B22:F22"/>
    <mergeCell ref="B13:D13"/>
    <mergeCell ref="C32:D32"/>
    <mergeCell ref="C33:D33"/>
    <mergeCell ref="B112:F112"/>
    <mergeCell ref="B131:F131"/>
    <mergeCell ref="E98:F98"/>
    <mergeCell ref="E99:F99"/>
    <mergeCell ref="E100:F100"/>
    <mergeCell ref="E101:F101"/>
    <mergeCell ref="E102:F102"/>
    <mergeCell ref="E103:F103"/>
    <mergeCell ref="E104:F104"/>
    <mergeCell ref="E105:F105"/>
    <mergeCell ref="E106:F106"/>
    <mergeCell ref="E107:F107"/>
    <mergeCell ref="E108:F108"/>
    <mergeCell ref="E109:F109"/>
    <mergeCell ref="E113:F113"/>
    <mergeCell ref="E114:F114"/>
    <mergeCell ref="E115:F115"/>
    <mergeCell ref="E116:F116"/>
    <mergeCell ref="E117:F117"/>
    <mergeCell ref="E118:F118"/>
    <mergeCell ref="E119:F119"/>
    <mergeCell ref="E120:F120"/>
    <mergeCell ref="E121:F121"/>
    <mergeCell ref="E122:F122"/>
    <mergeCell ref="E128:F128"/>
    <mergeCell ref="E129:F129"/>
    <mergeCell ref="E130:F130"/>
    <mergeCell ref="E123:F123"/>
    <mergeCell ref="E124:F124"/>
    <mergeCell ref="E125:F125"/>
    <mergeCell ref="E126:F126"/>
    <mergeCell ref="E127:F127"/>
    <mergeCell ref="E140:F140"/>
    <mergeCell ref="E146:F146"/>
    <mergeCell ref="E147:F147"/>
    <mergeCell ref="E148:F148"/>
    <mergeCell ref="E149:F149"/>
    <mergeCell ref="E150:F150"/>
    <mergeCell ref="E134:F134"/>
    <mergeCell ref="E132:F132"/>
    <mergeCell ref="E133:F133"/>
    <mergeCell ref="E135:F135"/>
    <mergeCell ref="E136:F136"/>
    <mergeCell ref="E137:F137"/>
    <mergeCell ref="E138:F138"/>
    <mergeCell ref="E139:F139"/>
    <mergeCell ref="E166:F166"/>
    <mergeCell ref="E167:F167"/>
    <mergeCell ref="E168:F168"/>
    <mergeCell ref="E169:F169"/>
    <mergeCell ref="E170:F170"/>
    <mergeCell ref="E171:F171"/>
    <mergeCell ref="E172:F172"/>
    <mergeCell ref="E173:F173"/>
    <mergeCell ref="E141:F141"/>
    <mergeCell ref="E142:F142"/>
    <mergeCell ref="E143:F143"/>
    <mergeCell ref="E144:F144"/>
    <mergeCell ref="E145:F145"/>
    <mergeCell ref="E174:F174"/>
    <mergeCell ref="E175:F175"/>
    <mergeCell ref="E176:F176"/>
    <mergeCell ref="E177:F177"/>
    <mergeCell ref="E178:F178"/>
    <mergeCell ref="E179:F179"/>
    <mergeCell ref="E180:F180"/>
    <mergeCell ref="E181:F181"/>
    <mergeCell ref="E182:F182"/>
    <mergeCell ref="E183:F183"/>
    <mergeCell ref="E184:F184"/>
    <mergeCell ref="E185:F185"/>
    <mergeCell ref="E186:F186"/>
    <mergeCell ref="E187:F187"/>
    <mergeCell ref="E188:F188"/>
    <mergeCell ref="E189:F189"/>
    <mergeCell ref="E190:F190"/>
    <mergeCell ref="E191:F191"/>
    <mergeCell ref="E192:F192"/>
    <mergeCell ref="E193:F193"/>
    <mergeCell ref="E194:F194"/>
    <mergeCell ref="E195:F195"/>
    <mergeCell ref="E196:F196"/>
    <mergeCell ref="E197:F197"/>
    <mergeCell ref="E198:F198"/>
    <mergeCell ref="E199:F199"/>
    <mergeCell ref="E200:F200"/>
    <mergeCell ref="E210:F210"/>
    <mergeCell ref="E201:F201"/>
    <mergeCell ref="E202:F202"/>
    <mergeCell ref="E203:F203"/>
    <mergeCell ref="E204:F204"/>
    <mergeCell ref="E205:F205"/>
    <mergeCell ref="E206:F206"/>
    <mergeCell ref="E207:F207"/>
    <mergeCell ref="E208:F208"/>
    <mergeCell ref="E209:F209"/>
  </mergeCells>
  <conditionalFormatting sqref="D52 D65:D74 D76:D93 D165:D167 D169:D210">
    <cfRule type="containsBlanks" dxfId="34" priority="78">
      <formula>LEN(TRIM(D52))=0</formula>
    </cfRule>
  </conditionalFormatting>
  <conditionalFormatting sqref="E234:F234">
    <cfRule type="containsBlanks" dxfId="33" priority="77">
      <formula>LEN(TRIM(E234))=0</formula>
    </cfRule>
  </conditionalFormatting>
  <conditionalFormatting sqref="C232">
    <cfRule type="containsBlanks" dxfId="32" priority="75">
      <formula>LEN(TRIM(C232))=0</formula>
    </cfRule>
  </conditionalFormatting>
  <conditionalFormatting sqref="E235:F235">
    <cfRule type="containsBlanks" dxfId="31" priority="76">
      <formula>LEN(TRIM(E235))=0</formula>
    </cfRule>
  </conditionalFormatting>
  <conditionalFormatting sqref="C234">
    <cfRule type="containsBlanks" dxfId="30" priority="74">
      <formula>LEN(TRIM(C234))=0</formula>
    </cfRule>
  </conditionalFormatting>
  <conditionalFormatting sqref="C4:C5">
    <cfRule type="containsBlanks" dxfId="29" priority="73">
      <formula>LEN(TRIM(C4))=0</formula>
    </cfRule>
  </conditionalFormatting>
  <conditionalFormatting sqref="D45">
    <cfRule type="containsBlanks" dxfId="28" priority="72">
      <formula>LEN(TRIM(D45))=0</formula>
    </cfRule>
  </conditionalFormatting>
  <conditionalFormatting sqref="D216">
    <cfRule type="containsBlanks" dxfId="27" priority="67">
      <formula>LEN(TRIM(D216))=0</formula>
    </cfRule>
  </conditionalFormatting>
  <conditionalFormatting sqref="C225:D225">
    <cfRule type="containsBlanks" dxfId="26" priority="63">
      <formula>LEN(TRIM(C225))=0</formula>
    </cfRule>
  </conditionalFormatting>
  <conditionalFormatting sqref="D49">
    <cfRule type="containsBlanks" dxfId="25" priority="48">
      <formula>LEN(TRIM(D49))=0</formula>
    </cfRule>
  </conditionalFormatting>
  <conditionalFormatting sqref="D50">
    <cfRule type="containsBlanks" dxfId="24" priority="47">
      <formula>LEN(TRIM(D50))=0</formula>
    </cfRule>
  </conditionalFormatting>
  <conditionalFormatting sqref="D51">
    <cfRule type="containsBlanks" dxfId="23" priority="46">
      <formula>LEN(TRIM(D51))=0</formula>
    </cfRule>
  </conditionalFormatting>
  <conditionalFormatting sqref="D48">
    <cfRule type="containsBlanks" dxfId="22" priority="44">
      <formula>LEN(TRIM(D48))=0</formula>
    </cfRule>
  </conditionalFormatting>
  <conditionalFormatting sqref="D53">
    <cfRule type="containsBlanks" dxfId="21" priority="43">
      <formula>LEN(TRIM(D53))=0</formula>
    </cfRule>
  </conditionalFormatting>
  <conditionalFormatting sqref="D46:D47">
    <cfRule type="containsBlanks" dxfId="20" priority="45">
      <formula>LEN(TRIM(D46))=0</formula>
    </cfRule>
  </conditionalFormatting>
  <conditionalFormatting sqref="D54">
    <cfRule type="containsBlanks" dxfId="19" priority="41">
      <formula>LEN(TRIM(D54))=0</formula>
    </cfRule>
  </conditionalFormatting>
  <conditionalFormatting sqref="D111">
    <cfRule type="containsBlanks" dxfId="18" priority="22">
      <formula>LEN(TRIM(D111))=0</formula>
    </cfRule>
  </conditionalFormatting>
  <conditionalFormatting sqref="D55:D64">
    <cfRule type="containsBlanks" dxfId="17" priority="27">
      <formula>LEN(TRIM(D55))=0</formula>
    </cfRule>
  </conditionalFormatting>
  <conditionalFormatting sqref="D113:D116">
    <cfRule type="containsBlanks" dxfId="16" priority="26">
      <formula>LEN(TRIM(D113))=0</formula>
    </cfRule>
  </conditionalFormatting>
  <conditionalFormatting sqref="D95">
    <cfRule type="containsBlanks" dxfId="15" priority="25">
      <formula>LEN(TRIM(D95))=0</formula>
    </cfRule>
  </conditionalFormatting>
  <conditionalFormatting sqref="D97:D109">
    <cfRule type="containsBlanks" dxfId="14" priority="19">
      <formula>LEN(TRIM(D97))=0</formula>
    </cfRule>
  </conditionalFormatting>
  <conditionalFormatting sqref="D110">
    <cfRule type="containsBlanks" dxfId="13" priority="18">
      <formula>LEN(TRIM(D110))=0</formula>
    </cfRule>
  </conditionalFormatting>
  <conditionalFormatting sqref="C224:D224">
    <cfRule type="containsBlanks" dxfId="12" priority="14">
      <formula>LEN(TRIM(C224))=0</formula>
    </cfRule>
  </conditionalFormatting>
  <conditionalFormatting sqref="C223:D223">
    <cfRule type="containsBlanks" dxfId="11" priority="13">
      <formula>LEN(TRIM(C223))=0</formula>
    </cfRule>
  </conditionalFormatting>
  <conditionalFormatting sqref="C226:D226">
    <cfRule type="containsBlanks" dxfId="10" priority="12">
      <formula>LEN(TRIM(C226))=0</formula>
    </cfRule>
  </conditionalFormatting>
  <conditionalFormatting sqref="D117:D130">
    <cfRule type="containsBlanks" dxfId="9" priority="11">
      <formula>LEN(TRIM(D117))=0</formula>
    </cfRule>
  </conditionalFormatting>
  <conditionalFormatting sqref="D132 D134:D146">
    <cfRule type="containsBlanks" dxfId="8" priority="10">
      <formula>LEN(TRIM(D132))=0</formula>
    </cfRule>
  </conditionalFormatting>
  <conditionalFormatting sqref="D147:D150">
    <cfRule type="containsBlanks" dxfId="7" priority="9">
      <formula>LEN(TRIM(D147))=0</formula>
    </cfRule>
  </conditionalFormatting>
  <conditionalFormatting sqref="D75">
    <cfRule type="containsBlanks" dxfId="6" priority="8">
      <formula>LEN(TRIM(D75))=0</formula>
    </cfRule>
  </conditionalFormatting>
  <conditionalFormatting sqref="D156:D164">
    <cfRule type="containsBlanks" dxfId="5" priority="7">
      <formula>LEN(TRIM(D156))=0</formula>
    </cfRule>
  </conditionalFormatting>
  <conditionalFormatting sqref="D217">
    <cfRule type="containsBlanks" dxfId="4" priority="5">
      <formula>LEN(TRIM(D217))=0</formula>
    </cfRule>
  </conditionalFormatting>
  <conditionalFormatting sqref="D168">
    <cfRule type="containsBlanks" dxfId="3" priority="4">
      <formula>LEN(TRIM(D168))=0</formula>
    </cfRule>
  </conditionalFormatting>
  <conditionalFormatting sqref="C115:C119 C122:C130">
    <cfRule type="containsBlanks" dxfId="2" priority="3">
      <formula>LEN(TRIM(C115))=0</formula>
    </cfRule>
  </conditionalFormatting>
  <conditionalFormatting sqref="D133">
    <cfRule type="containsBlanks" dxfId="1" priority="2">
      <formula>LEN(TRIM(D133))=0</formula>
    </cfRule>
  </conditionalFormatting>
  <conditionalFormatting sqref="D96">
    <cfRule type="containsBlanks" dxfId="0" priority="1">
      <formula>LEN(TRIM(D96))=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50" min="1" max="5" man="1"/>
    <brk id="93" min="1" max="5" man="1"/>
    <brk id="202"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1-05-17T11:32:31Z</cp:lastPrinted>
  <dcterms:created xsi:type="dcterms:W3CDTF">2017-04-21T05:51:15Z</dcterms:created>
  <dcterms:modified xsi:type="dcterms:W3CDTF">2021-05-17T11:45:44Z</dcterms:modified>
</cp:coreProperties>
</file>